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95" r:id="rId2"/>
    <p:sldId id="302" r:id="rId3"/>
    <p:sldId id="307" r:id="rId4"/>
    <p:sldId id="308" r:id="rId5"/>
    <p:sldId id="299" r:id="rId6"/>
    <p:sldId id="300" r:id="rId7"/>
    <p:sldId id="301" r:id="rId8"/>
    <p:sldId id="296" r:id="rId9"/>
    <p:sldId id="297" r:id="rId10"/>
    <p:sldId id="298" r:id="rId11"/>
    <p:sldId id="275" r:id="rId12"/>
    <p:sldId id="276" r:id="rId13"/>
    <p:sldId id="304" r:id="rId14"/>
    <p:sldId id="280" r:id="rId15"/>
    <p:sldId id="284" r:id="rId16"/>
    <p:sldId id="270" r:id="rId17"/>
    <p:sldId id="271" r:id="rId18"/>
    <p:sldId id="259" r:id="rId19"/>
    <p:sldId id="283" r:id="rId20"/>
    <p:sldId id="305" r:id="rId21"/>
    <p:sldId id="290" r:id="rId22"/>
    <p:sldId id="303" r:id="rId23"/>
    <p:sldId id="281" r:id="rId24"/>
    <p:sldId id="286" r:id="rId25"/>
    <p:sldId id="293" r:id="rId26"/>
    <p:sldId id="294" r:id="rId27"/>
    <p:sldId id="274" r:id="rId28"/>
    <p:sldId id="287" r:id="rId2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9EB6E"/>
    <a:srgbClr val="CC3399"/>
    <a:srgbClr val="C047EF"/>
    <a:srgbClr val="AE15EB"/>
    <a:srgbClr val="7748C7"/>
    <a:srgbClr val="FFCC00"/>
    <a:srgbClr val="0FB552"/>
    <a:srgbClr val="DD75BA"/>
    <a:srgbClr val="8497B0"/>
    <a:srgbClr val="FFE05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3162" autoAdjust="0"/>
    <p:restoredTop sz="94660"/>
  </p:normalViewPr>
  <p:slideViewPr>
    <p:cSldViewPr snapToGrid="0">
      <p:cViewPr>
        <p:scale>
          <a:sx n="66" d="100"/>
          <a:sy n="66" d="100"/>
        </p:scale>
        <p:origin x="978" y="2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200" d="100"/>
        <a:sy n="2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617177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840450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33770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669660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2570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43206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76071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94610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50115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43706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54072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F9B2E81-4105-4920-91A0-7FF6ADA75FC2}" type="datetimeFigureOut">
              <a:rPr lang="en-US" smtClean="0"/>
              <a:t>7/11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02D60EC-3A64-46C1-A6D3-CC34BB026A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23236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24.xml"/><Relationship Id="rId13" Type="http://schemas.openxmlformats.org/officeDocument/2006/relationships/tags" Target="../tags/tag29.xml"/><Relationship Id="rId18" Type="http://schemas.openxmlformats.org/officeDocument/2006/relationships/tags" Target="../tags/tag34.xml"/><Relationship Id="rId26" Type="http://schemas.openxmlformats.org/officeDocument/2006/relationships/tags" Target="../tags/tag42.xml"/><Relationship Id="rId3" Type="http://schemas.openxmlformats.org/officeDocument/2006/relationships/tags" Target="../tags/tag19.xml"/><Relationship Id="rId21" Type="http://schemas.openxmlformats.org/officeDocument/2006/relationships/tags" Target="../tags/tag37.xml"/><Relationship Id="rId7" Type="http://schemas.openxmlformats.org/officeDocument/2006/relationships/tags" Target="../tags/tag23.xml"/><Relationship Id="rId12" Type="http://schemas.openxmlformats.org/officeDocument/2006/relationships/tags" Target="../tags/tag28.xml"/><Relationship Id="rId17" Type="http://schemas.openxmlformats.org/officeDocument/2006/relationships/tags" Target="../tags/tag33.xml"/><Relationship Id="rId25" Type="http://schemas.openxmlformats.org/officeDocument/2006/relationships/tags" Target="../tags/tag41.xml"/><Relationship Id="rId2" Type="http://schemas.openxmlformats.org/officeDocument/2006/relationships/tags" Target="../tags/tag18.xml"/><Relationship Id="rId16" Type="http://schemas.openxmlformats.org/officeDocument/2006/relationships/tags" Target="../tags/tag32.xml"/><Relationship Id="rId20" Type="http://schemas.openxmlformats.org/officeDocument/2006/relationships/tags" Target="../tags/tag36.xml"/><Relationship Id="rId29" Type="http://schemas.openxmlformats.org/officeDocument/2006/relationships/tags" Target="../tags/tag45.xml"/><Relationship Id="rId1" Type="http://schemas.openxmlformats.org/officeDocument/2006/relationships/tags" Target="../tags/tag17.xml"/><Relationship Id="rId6" Type="http://schemas.openxmlformats.org/officeDocument/2006/relationships/tags" Target="../tags/tag22.xml"/><Relationship Id="rId11" Type="http://schemas.openxmlformats.org/officeDocument/2006/relationships/tags" Target="../tags/tag27.xml"/><Relationship Id="rId24" Type="http://schemas.openxmlformats.org/officeDocument/2006/relationships/tags" Target="../tags/tag40.xml"/><Relationship Id="rId5" Type="http://schemas.openxmlformats.org/officeDocument/2006/relationships/tags" Target="../tags/tag21.xml"/><Relationship Id="rId15" Type="http://schemas.openxmlformats.org/officeDocument/2006/relationships/tags" Target="../tags/tag31.xml"/><Relationship Id="rId23" Type="http://schemas.openxmlformats.org/officeDocument/2006/relationships/tags" Target="../tags/tag39.xml"/><Relationship Id="rId28" Type="http://schemas.openxmlformats.org/officeDocument/2006/relationships/tags" Target="../tags/tag44.xml"/><Relationship Id="rId10" Type="http://schemas.openxmlformats.org/officeDocument/2006/relationships/tags" Target="../tags/tag26.xml"/><Relationship Id="rId19" Type="http://schemas.openxmlformats.org/officeDocument/2006/relationships/tags" Target="../tags/tag35.xml"/><Relationship Id="rId4" Type="http://schemas.openxmlformats.org/officeDocument/2006/relationships/tags" Target="../tags/tag20.xml"/><Relationship Id="rId9" Type="http://schemas.openxmlformats.org/officeDocument/2006/relationships/tags" Target="../tags/tag25.xml"/><Relationship Id="rId14" Type="http://schemas.openxmlformats.org/officeDocument/2006/relationships/tags" Target="../tags/tag30.xml"/><Relationship Id="rId22" Type="http://schemas.openxmlformats.org/officeDocument/2006/relationships/tags" Target="../tags/tag38.xml"/><Relationship Id="rId27" Type="http://schemas.openxmlformats.org/officeDocument/2006/relationships/tags" Target="../tags/tag43.xml"/><Relationship Id="rId30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47.xml"/><Relationship Id="rId1" Type="http://schemas.openxmlformats.org/officeDocument/2006/relationships/tags" Target="../tags/tag46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tags" Target="../tags/tag55.xml"/><Relationship Id="rId13" Type="http://schemas.openxmlformats.org/officeDocument/2006/relationships/tags" Target="../tags/tag60.xml"/><Relationship Id="rId18" Type="http://schemas.openxmlformats.org/officeDocument/2006/relationships/tags" Target="../tags/tag65.xml"/><Relationship Id="rId26" Type="http://schemas.openxmlformats.org/officeDocument/2006/relationships/tags" Target="../tags/tag73.xml"/><Relationship Id="rId39" Type="http://schemas.openxmlformats.org/officeDocument/2006/relationships/tags" Target="../tags/tag86.xml"/><Relationship Id="rId3" Type="http://schemas.openxmlformats.org/officeDocument/2006/relationships/tags" Target="../tags/tag50.xml"/><Relationship Id="rId21" Type="http://schemas.openxmlformats.org/officeDocument/2006/relationships/tags" Target="../tags/tag68.xml"/><Relationship Id="rId34" Type="http://schemas.openxmlformats.org/officeDocument/2006/relationships/tags" Target="../tags/tag81.xml"/><Relationship Id="rId42" Type="http://schemas.openxmlformats.org/officeDocument/2006/relationships/tags" Target="../tags/tag89.xml"/><Relationship Id="rId7" Type="http://schemas.openxmlformats.org/officeDocument/2006/relationships/tags" Target="../tags/tag54.xml"/><Relationship Id="rId12" Type="http://schemas.openxmlformats.org/officeDocument/2006/relationships/tags" Target="../tags/tag59.xml"/><Relationship Id="rId17" Type="http://schemas.openxmlformats.org/officeDocument/2006/relationships/tags" Target="../tags/tag64.xml"/><Relationship Id="rId25" Type="http://schemas.openxmlformats.org/officeDocument/2006/relationships/tags" Target="../tags/tag72.xml"/><Relationship Id="rId33" Type="http://schemas.openxmlformats.org/officeDocument/2006/relationships/tags" Target="../tags/tag80.xml"/><Relationship Id="rId38" Type="http://schemas.openxmlformats.org/officeDocument/2006/relationships/tags" Target="../tags/tag85.xml"/><Relationship Id="rId2" Type="http://schemas.openxmlformats.org/officeDocument/2006/relationships/tags" Target="../tags/tag49.xml"/><Relationship Id="rId16" Type="http://schemas.openxmlformats.org/officeDocument/2006/relationships/tags" Target="../tags/tag63.xml"/><Relationship Id="rId20" Type="http://schemas.openxmlformats.org/officeDocument/2006/relationships/tags" Target="../tags/tag67.xml"/><Relationship Id="rId29" Type="http://schemas.openxmlformats.org/officeDocument/2006/relationships/tags" Target="../tags/tag76.xml"/><Relationship Id="rId41" Type="http://schemas.openxmlformats.org/officeDocument/2006/relationships/tags" Target="../tags/tag88.xml"/><Relationship Id="rId1" Type="http://schemas.openxmlformats.org/officeDocument/2006/relationships/tags" Target="../tags/tag48.xml"/><Relationship Id="rId6" Type="http://schemas.openxmlformats.org/officeDocument/2006/relationships/tags" Target="../tags/tag53.xml"/><Relationship Id="rId11" Type="http://schemas.openxmlformats.org/officeDocument/2006/relationships/tags" Target="../tags/tag58.xml"/><Relationship Id="rId24" Type="http://schemas.openxmlformats.org/officeDocument/2006/relationships/tags" Target="../tags/tag71.xml"/><Relationship Id="rId32" Type="http://schemas.openxmlformats.org/officeDocument/2006/relationships/tags" Target="../tags/tag79.xml"/><Relationship Id="rId37" Type="http://schemas.openxmlformats.org/officeDocument/2006/relationships/tags" Target="../tags/tag84.xml"/><Relationship Id="rId40" Type="http://schemas.openxmlformats.org/officeDocument/2006/relationships/tags" Target="../tags/tag87.xml"/><Relationship Id="rId5" Type="http://schemas.openxmlformats.org/officeDocument/2006/relationships/tags" Target="../tags/tag52.xml"/><Relationship Id="rId15" Type="http://schemas.openxmlformats.org/officeDocument/2006/relationships/tags" Target="../tags/tag62.xml"/><Relationship Id="rId23" Type="http://schemas.openxmlformats.org/officeDocument/2006/relationships/tags" Target="../tags/tag70.xml"/><Relationship Id="rId28" Type="http://schemas.openxmlformats.org/officeDocument/2006/relationships/tags" Target="../tags/tag75.xml"/><Relationship Id="rId36" Type="http://schemas.openxmlformats.org/officeDocument/2006/relationships/tags" Target="../tags/tag83.xml"/><Relationship Id="rId10" Type="http://schemas.openxmlformats.org/officeDocument/2006/relationships/tags" Target="../tags/tag57.xml"/><Relationship Id="rId19" Type="http://schemas.openxmlformats.org/officeDocument/2006/relationships/tags" Target="../tags/tag66.xml"/><Relationship Id="rId31" Type="http://schemas.openxmlformats.org/officeDocument/2006/relationships/tags" Target="../tags/tag78.xml"/><Relationship Id="rId4" Type="http://schemas.openxmlformats.org/officeDocument/2006/relationships/tags" Target="../tags/tag51.xml"/><Relationship Id="rId9" Type="http://schemas.openxmlformats.org/officeDocument/2006/relationships/tags" Target="../tags/tag56.xml"/><Relationship Id="rId14" Type="http://schemas.openxmlformats.org/officeDocument/2006/relationships/tags" Target="../tags/tag61.xml"/><Relationship Id="rId22" Type="http://schemas.openxmlformats.org/officeDocument/2006/relationships/tags" Target="../tags/tag69.xml"/><Relationship Id="rId27" Type="http://schemas.openxmlformats.org/officeDocument/2006/relationships/tags" Target="../tags/tag74.xml"/><Relationship Id="rId30" Type="http://schemas.openxmlformats.org/officeDocument/2006/relationships/tags" Target="../tags/tag77.xml"/><Relationship Id="rId35" Type="http://schemas.openxmlformats.org/officeDocument/2006/relationships/tags" Target="../tags/tag82.xml"/><Relationship Id="rId43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tags" Target="../tags/tag97.xml"/><Relationship Id="rId3" Type="http://schemas.openxmlformats.org/officeDocument/2006/relationships/tags" Target="../tags/tag92.xml"/><Relationship Id="rId7" Type="http://schemas.openxmlformats.org/officeDocument/2006/relationships/tags" Target="../tags/tag96.xml"/><Relationship Id="rId2" Type="http://schemas.openxmlformats.org/officeDocument/2006/relationships/tags" Target="../tags/tag91.xml"/><Relationship Id="rId1" Type="http://schemas.openxmlformats.org/officeDocument/2006/relationships/tags" Target="../tags/tag90.xml"/><Relationship Id="rId6" Type="http://schemas.openxmlformats.org/officeDocument/2006/relationships/tags" Target="../tags/tag95.xml"/><Relationship Id="rId5" Type="http://schemas.openxmlformats.org/officeDocument/2006/relationships/tags" Target="../tags/tag94.xml"/><Relationship Id="rId10" Type="http://schemas.openxmlformats.org/officeDocument/2006/relationships/slideLayout" Target="../slideLayouts/slideLayout2.xml"/><Relationship Id="rId4" Type="http://schemas.openxmlformats.org/officeDocument/2006/relationships/tags" Target="../tags/tag93.xml"/><Relationship Id="rId9" Type="http://schemas.openxmlformats.org/officeDocument/2006/relationships/tags" Target="../tags/tag98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tags" Target="../tags/tag101.xml"/><Relationship Id="rId7" Type="http://schemas.openxmlformats.org/officeDocument/2006/relationships/slideLayout" Target="../slideLayouts/slideLayout2.xml"/><Relationship Id="rId2" Type="http://schemas.openxmlformats.org/officeDocument/2006/relationships/tags" Target="../tags/tag100.xml"/><Relationship Id="rId1" Type="http://schemas.openxmlformats.org/officeDocument/2006/relationships/tags" Target="../tags/tag99.xml"/><Relationship Id="rId6" Type="http://schemas.openxmlformats.org/officeDocument/2006/relationships/tags" Target="../tags/tag104.xml"/><Relationship Id="rId5" Type="http://schemas.openxmlformats.org/officeDocument/2006/relationships/tags" Target="../tags/tag103.xml"/><Relationship Id="rId4" Type="http://schemas.openxmlformats.org/officeDocument/2006/relationships/tags" Target="../tags/tag10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5" Type="http://schemas.openxmlformats.org/officeDocument/2006/relationships/image" Target="NUL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/>
          <p:cNvGrpSpPr/>
          <p:nvPr/>
        </p:nvGrpSpPr>
        <p:grpSpPr>
          <a:xfrm>
            <a:off x="506060" y="1927314"/>
            <a:ext cx="11022818" cy="4009343"/>
            <a:chOff x="487010" y="2051593"/>
            <a:chExt cx="11022818" cy="4009343"/>
          </a:xfrm>
        </p:grpSpPr>
        <p:grpSp>
          <p:nvGrpSpPr>
            <p:cNvPr id="5" name="Group 4"/>
            <p:cNvGrpSpPr/>
            <p:nvPr/>
          </p:nvGrpSpPr>
          <p:grpSpPr>
            <a:xfrm>
              <a:off x="2951670" y="2051593"/>
              <a:ext cx="8558158" cy="305164"/>
              <a:chOff x="510983" y="2728505"/>
              <a:chExt cx="10900300" cy="233542"/>
            </a:xfrm>
            <a:solidFill>
              <a:schemeClr val="bg1">
                <a:lumMod val="65000"/>
              </a:schemeClr>
            </a:solidFill>
          </p:grpSpPr>
          <p:sp>
            <p:nvSpPr>
              <p:cNvPr id="26" name="Rectangle 25"/>
              <p:cNvSpPr/>
              <p:nvPr/>
            </p:nvSpPr>
            <p:spPr>
              <a:xfrm>
                <a:off x="510983" y="2728505"/>
                <a:ext cx="864000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Jan </a:t>
                </a:r>
                <a:endParaRPr lang="fr-BE" sz="1200" dirty="0"/>
              </a:p>
            </p:txBody>
          </p:sp>
          <p:sp>
            <p:nvSpPr>
              <p:cNvPr id="27" name="Rectangle 26"/>
              <p:cNvSpPr/>
              <p:nvPr/>
            </p:nvSpPr>
            <p:spPr>
              <a:xfrm>
                <a:off x="1425668" y="2728505"/>
                <a:ext cx="864000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Feb</a:t>
                </a:r>
                <a:endParaRPr lang="fr-BE" sz="1200" dirty="0"/>
              </a:p>
            </p:txBody>
          </p:sp>
          <p:sp>
            <p:nvSpPr>
              <p:cNvPr id="28" name="Rectangle 27"/>
              <p:cNvSpPr/>
              <p:nvPr/>
            </p:nvSpPr>
            <p:spPr>
              <a:xfrm>
                <a:off x="2340353" y="2728505"/>
                <a:ext cx="864000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Mar</a:t>
                </a:r>
                <a:endParaRPr lang="fr-BE" sz="1200" dirty="0"/>
              </a:p>
            </p:txBody>
          </p:sp>
          <p:sp>
            <p:nvSpPr>
              <p:cNvPr id="29" name="Rectangle 28"/>
              <p:cNvSpPr/>
              <p:nvPr/>
            </p:nvSpPr>
            <p:spPr>
              <a:xfrm>
                <a:off x="3255038" y="2728505"/>
                <a:ext cx="864000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Apr</a:t>
                </a:r>
                <a:endParaRPr lang="fr-BE" sz="1200" dirty="0"/>
              </a:p>
            </p:txBody>
          </p:sp>
          <p:sp>
            <p:nvSpPr>
              <p:cNvPr id="30" name="Rectangle 29"/>
              <p:cNvSpPr/>
              <p:nvPr/>
            </p:nvSpPr>
            <p:spPr>
              <a:xfrm>
                <a:off x="4169723" y="2728505"/>
                <a:ext cx="864000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May</a:t>
                </a:r>
                <a:endParaRPr lang="fr-BE" sz="1200" dirty="0"/>
              </a:p>
            </p:txBody>
          </p:sp>
          <p:sp>
            <p:nvSpPr>
              <p:cNvPr id="31" name="Rectangle 30"/>
              <p:cNvSpPr/>
              <p:nvPr/>
            </p:nvSpPr>
            <p:spPr>
              <a:xfrm>
                <a:off x="5084408" y="2728505"/>
                <a:ext cx="864000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Jun</a:t>
                </a:r>
                <a:endParaRPr lang="fr-BE" sz="1200" dirty="0"/>
              </a:p>
            </p:txBody>
          </p:sp>
          <p:sp>
            <p:nvSpPr>
              <p:cNvPr id="32" name="Rectangle 31"/>
              <p:cNvSpPr/>
              <p:nvPr/>
            </p:nvSpPr>
            <p:spPr>
              <a:xfrm>
                <a:off x="5999093" y="2728505"/>
                <a:ext cx="864000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Jul</a:t>
                </a:r>
                <a:endParaRPr lang="fr-BE" sz="1200" dirty="0"/>
              </a:p>
            </p:txBody>
          </p:sp>
          <p:sp>
            <p:nvSpPr>
              <p:cNvPr id="33" name="Rectangle 32"/>
              <p:cNvSpPr/>
              <p:nvPr/>
            </p:nvSpPr>
            <p:spPr>
              <a:xfrm>
                <a:off x="6913778" y="2728505"/>
                <a:ext cx="864000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Aug</a:t>
                </a:r>
                <a:endParaRPr lang="fr-BE" sz="1200" dirty="0"/>
              </a:p>
            </p:txBody>
          </p:sp>
          <p:sp>
            <p:nvSpPr>
              <p:cNvPr id="34" name="Rectangle 33"/>
              <p:cNvSpPr/>
              <p:nvPr/>
            </p:nvSpPr>
            <p:spPr>
              <a:xfrm>
                <a:off x="7828463" y="2728505"/>
                <a:ext cx="864000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Sep</a:t>
                </a:r>
                <a:endParaRPr lang="fr-BE" sz="1200" dirty="0"/>
              </a:p>
            </p:txBody>
          </p:sp>
          <p:sp>
            <p:nvSpPr>
              <p:cNvPr id="35" name="Rectangle 34"/>
              <p:cNvSpPr/>
              <p:nvPr/>
            </p:nvSpPr>
            <p:spPr>
              <a:xfrm>
                <a:off x="8743148" y="2728505"/>
                <a:ext cx="864000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Oct</a:t>
                </a:r>
                <a:endParaRPr lang="fr-BE" sz="1200" dirty="0"/>
              </a:p>
            </p:txBody>
          </p:sp>
          <p:sp>
            <p:nvSpPr>
              <p:cNvPr id="36" name="Rectangle 35"/>
              <p:cNvSpPr/>
              <p:nvPr/>
            </p:nvSpPr>
            <p:spPr>
              <a:xfrm>
                <a:off x="9657833" y="2728505"/>
                <a:ext cx="864000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Nov</a:t>
                </a:r>
                <a:endParaRPr lang="fr-BE" sz="1200" dirty="0"/>
              </a:p>
            </p:txBody>
          </p:sp>
          <p:sp>
            <p:nvSpPr>
              <p:cNvPr id="37" name="Rectangle 36"/>
              <p:cNvSpPr/>
              <p:nvPr/>
            </p:nvSpPr>
            <p:spPr>
              <a:xfrm>
                <a:off x="10572522" y="2728505"/>
                <a:ext cx="838761" cy="23354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BE" sz="1200" dirty="0" smtClean="0"/>
                  <a:t>Dec</a:t>
                </a:r>
                <a:endParaRPr lang="fr-BE" sz="1200" dirty="0"/>
              </a:p>
            </p:txBody>
          </p:sp>
        </p:grpSp>
        <p:sp>
          <p:nvSpPr>
            <p:cNvPr id="6" name="Rectangle 5"/>
            <p:cNvSpPr/>
            <p:nvPr/>
          </p:nvSpPr>
          <p:spPr>
            <a:xfrm>
              <a:off x="487010" y="2429329"/>
              <a:ext cx="2415848" cy="304800"/>
            </a:xfrm>
            <a:prstGeom prst="rect">
              <a:avLst/>
            </a:prstGeom>
            <a:solidFill>
              <a:srgbClr val="8F45C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ITEM 1</a:t>
              </a:r>
              <a:endParaRPr lang="fr-BE" sz="1200" dirty="0"/>
            </a:p>
          </p:txBody>
        </p:sp>
        <p:sp>
          <p:nvSpPr>
            <p:cNvPr id="7" name="Rectangle 6"/>
            <p:cNvSpPr/>
            <p:nvPr/>
          </p:nvSpPr>
          <p:spPr>
            <a:xfrm>
              <a:off x="487010" y="2798974"/>
              <a:ext cx="2415848" cy="304800"/>
            </a:xfrm>
            <a:prstGeom prst="rect">
              <a:avLst/>
            </a:prstGeom>
            <a:solidFill>
              <a:srgbClr val="66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ITEM 2</a:t>
              </a:r>
              <a:endParaRPr lang="fr-BE" sz="1200" dirty="0"/>
            </a:p>
          </p:txBody>
        </p:sp>
        <p:sp>
          <p:nvSpPr>
            <p:cNvPr id="8" name="Rectangle 7"/>
            <p:cNvSpPr/>
            <p:nvPr/>
          </p:nvSpPr>
          <p:spPr>
            <a:xfrm>
              <a:off x="487010" y="3168619"/>
              <a:ext cx="2415848" cy="304800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ITEM 3</a:t>
              </a:r>
              <a:endParaRPr lang="fr-BE" sz="1200" dirty="0"/>
            </a:p>
          </p:txBody>
        </p:sp>
        <p:sp>
          <p:nvSpPr>
            <p:cNvPr id="9" name="Rectangle 8"/>
            <p:cNvSpPr/>
            <p:nvPr/>
          </p:nvSpPr>
          <p:spPr>
            <a:xfrm>
              <a:off x="487010" y="3538264"/>
              <a:ext cx="2415848" cy="304800"/>
            </a:xfrm>
            <a:prstGeom prst="rect">
              <a:avLst/>
            </a:prstGeom>
            <a:solidFill>
              <a:srgbClr val="00C89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ITEM 4</a:t>
              </a:r>
              <a:endParaRPr lang="fr-BE" sz="1200" dirty="0"/>
            </a:p>
          </p:txBody>
        </p:sp>
        <p:sp>
          <p:nvSpPr>
            <p:cNvPr id="10" name="Rectangle 9"/>
            <p:cNvSpPr/>
            <p:nvPr/>
          </p:nvSpPr>
          <p:spPr>
            <a:xfrm>
              <a:off x="487010" y="3907909"/>
              <a:ext cx="2415848" cy="304800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ITEM 5</a:t>
              </a:r>
              <a:endParaRPr lang="fr-BE" sz="1200" dirty="0"/>
            </a:p>
          </p:txBody>
        </p:sp>
        <p:sp>
          <p:nvSpPr>
            <p:cNvPr id="11" name="Rectangle 10"/>
            <p:cNvSpPr/>
            <p:nvPr/>
          </p:nvSpPr>
          <p:spPr>
            <a:xfrm>
              <a:off x="487010" y="4277554"/>
              <a:ext cx="2415848" cy="304800"/>
            </a:xfrm>
            <a:prstGeom prst="rect">
              <a:avLst/>
            </a:prstGeom>
            <a:solidFill>
              <a:srgbClr val="00E26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ITEM 6</a:t>
              </a:r>
              <a:endParaRPr lang="fr-BE" sz="1200" dirty="0"/>
            </a:p>
          </p:txBody>
        </p:sp>
        <p:sp>
          <p:nvSpPr>
            <p:cNvPr id="12" name="Rectangle 11"/>
            <p:cNvSpPr/>
            <p:nvPr/>
          </p:nvSpPr>
          <p:spPr>
            <a:xfrm>
              <a:off x="487010" y="4647199"/>
              <a:ext cx="2415848" cy="304800"/>
            </a:xfrm>
            <a:prstGeom prst="rect">
              <a:avLst/>
            </a:prstGeom>
            <a:solidFill>
              <a:srgbClr val="66FF1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ITEM 7</a:t>
              </a:r>
              <a:endParaRPr lang="fr-BE" sz="1200" dirty="0"/>
            </a:p>
          </p:txBody>
        </p:sp>
        <p:sp>
          <p:nvSpPr>
            <p:cNvPr id="13" name="Rectangle 12"/>
            <p:cNvSpPr/>
            <p:nvPr/>
          </p:nvSpPr>
          <p:spPr>
            <a:xfrm>
              <a:off x="487010" y="5016844"/>
              <a:ext cx="2415848" cy="304800"/>
            </a:xfrm>
            <a:prstGeom prst="rect">
              <a:avLst/>
            </a:prstGeom>
            <a:solidFill>
              <a:srgbClr val="B0EE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ITEM 8</a:t>
              </a:r>
              <a:endParaRPr lang="fr-BE" sz="1200" dirty="0"/>
            </a:p>
          </p:txBody>
        </p:sp>
        <p:sp>
          <p:nvSpPr>
            <p:cNvPr id="14" name="Rectangle 13"/>
            <p:cNvSpPr/>
            <p:nvPr/>
          </p:nvSpPr>
          <p:spPr>
            <a:xfrm>
              <a:off x="487010" y="5386489"/>
              <a:ext cx="2415848" cy="304800"/>
            </a:xfrm>
            <a:prstGeom prst="rect">
              <a:avLst/>
            </a:prstGeom>
            <a:solidFill>
              <a:srgbClr val="FFCC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ITEM 9</a:t>
              </a:r>
              <a:endParaRPr lang="fr-BE" sz="1200" dirty="0"/>
            </a:p>
          </p:txBody>
        </p:sp>
        <p:sp>
          <p:nvSpPr>
            <p:cNvPr id="15" name="Rectangle 14"/>
            <p:cNvSpPr/>
            <p:nvPr/>
          </p:nvSpPr>
          <p:spPr>
            <a:xfrm>
              <a:off x="487010" y="5756136"/>
              <a:ext cx="2415848" cy="304800"/>
            </a:xfrm>
            <a:prstGeom prst="rect">
              <a:avLst/>
            </a:prstGeom>
            <a:solidFill>
              <a:srgbClr val="FF993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ITEM 10</a:t>
              </a:r>
              <a:endParaRPr lang="fr-BE" sz="1200" dirty="0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2964370" y="2432958"/>
              <a:ext cx="2415848" cy="304800"/>
            </a:xfrm>
            <a:prstGeom prst="rect">
              <a:avLst/>
            </a:prstGeom>
            <a:solidFill>
              <a:srgbClr val="8F45C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7" name="Rectangle 16"/>
            <p:cNvSpPr/>
            <p:nvPr/>
          </p:nvSpPr>
          <p:spPr>
            <a:xfrm>
              <a:off x="3669816" y="2802603"/>
              <a:ext cx="1710401" cy="301171"/>
            </a:xfrm>
            <a:prstGeom prst="rect">
              <a:avLst/>
            </a:prstGeom>
            <a:solidFill>
              <a:srgbClr val="66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8" name="Rectangle 17"/>
            <p:cNvSpPr/>
            <p:nvPr/>
          </p:nvSpPr>
          <p:spPr>
            <a:xfrm>
              <a:off x="4450270" y="3172248"/>
              <a:ext cx="2052341" cy="301171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9" name="Rectangle 18"/>
            <p:cNvSpPr/>
            <p:nvPr/>
          </p:nvSpPr>
          <p:spPr>
            <a:xfrm>
              <a:off x="5334481" y="3530536"/>
              <a:ext cx="1739419" cy="312527"/>
            </a:xfrm>
            <a:prstGeom prst="rect">
              <a:avLst/>
            </a:prstGeom>
            <a:solidFill>
              <a:srgbClr val="00C89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20" name="Rectangle 19"/>
            <p:cNvSpPr/>
            <p:nvPr/>
          </p:nvSpPr>
          <p:spPr>
            <a:xfrm>
              <a:off x="5334481" y="3900180"/>
              <a:ext cx="2415848" cy="304800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21" name="Rectangle 20"/>
            <p:cNvSpPr/>
            <p:nvPr/>
          </p:nvSpPr>
          <p:spPr>
            <a:xfrm>
              <a:off x="6730982" y="4262096"/>
              <a:ext cx="1019347" cy="320257"/>
            </a:xfrm>
            <a:prstGeom prst="rect">
              <a:avLst/>
            </a:prstGeom>
            <a:solidFill>
              <a:srgbClr val="00E26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22" name="Rectangle 21"/>
            <p:cNvSpPr/>
            <p:nvPr/>
          </p:nvSpPr>
          <p:spPr>
            <a:xfrm>
              <a:off x="7505699" y="4647199"/>
              <a:ext cx="244629" cy="304800"/>
            </a:xfrm>
            <a:prstGeom prst="rect">
              <a:avLst/>
            </a:prstGeom>
            <a:solidFill>
              <a:srgbClr val="66FF1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23" name="Rectangle 22"/>
            <p:cNvSpPr/>
            <p:nvPr/>
          </p:nvSpPr>
          <p:spPr>
            <a:xfrm>
              <a:off x="7750328" y="5016844"/>
              <a:ext cx="1624872" cy="304800"/>
            </a:xfrm>
            <a:prstGeom prst="rect">
              <a:avLst/>
            </a:prstGeom>
            <a:solidFill>
              <a:srgbClr val="B0EE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24" name="Rectangle 23"/>
            <p:cNvSpPr/>
            <p:nvPr/>
          </p:nvSpPr>
          <p:spPr>
            <a:xfrm>
              <a:off x="8657053" y="5386833"/>
              <a:ext cx="2415848" cy="304800"/>
            </a:xfrm>
            <a:prstGeom prst="rect">
              <a:avLst/>
            </a:prstGeom>
            <a:solidFill>
              <a:srgbClr val="FFCC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25" name="Rectangle 24"/>
            <p:cNvSpPr/>
            <p:nvPr/>
          </p:nvSpPr>
          <p:spPr>
            <a:xfrm>
              <a:off x="10133140" y="5756134"/>
              <a:ext cx="1376687" cy="304801"/>
            </a:xfrm>
            <a:prstGeom prst="rect">
              <a:avLst/>
            </a:prstGeom>
            <a:solidFill>
              <a:srgbClr val="FF993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</p:spTree>
    <p:extLst>
      <p:ext uri="{BB962C8B-B14F-4D97-AF65-F5344CB8AC3E}">
        <p14:creationId xmlns:p14="http://schemas.microsoft.com/office/powerpoint/2010/main" val="294196433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0" name="OTLSHAPE_T_11a5fd20169a4e5aa0bed048dba08ff2_HorizontalConnector1"/>
          <p:cNvCxnSpPr/>
          <p:nvPr>
            <p:custDataLst>
              <p:tags r:id="rId1"/>
            </p:custDataLst>
          </p:nvPr>
        </p:nvCxnSpPr>
        <p:spPr>
          <a:xfrm>
            <a:off x="1682528" y="3774801"/>
            <a:ext cx="900000" cy="0"/>
          </a:xfrm>
          <a:prstGeom prst="line">
            <a:avLst/>
          </a:prstGeom>
          <a:ln w="1270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OTLSHAPE_T_11a5fd20169a4e5aa0bed048dba08ff2_Shape"/>
          <p:cNvSpPr/>
          <p:nvPr>
            <p:custDataLst>
              <p:tags r:id="rId2"/>
            </p:custDataLst>
          </p:nvPr>
        </p:nvSpPr>
        <p:spPr>
          <a:xfrm>
            <a:off x="2664130" y="3634375"/>
            <a:ext cx="2107988" cy="277200"/>
          </a:xfrm>
          <a:prstGeom prst="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</a:rPr>
              <a:t>Phase 1</a:t>
            </a:r>
            <a:endParaRPr lang="en-US" sz="1400" dirty="0">
              <a:latin typeface="+mj-lt"/>
            </a:endParaRPr>
          </a:p>
        </p:txBody>
      </p:sp>
      <p:sp>
        <p:nvSpPr>
          <p:cNvPr id="103" name="OTLSHAPE_T_11a5fd20169a4e5aa0bed048dba08ff2_JoinedDate"/>
          <p:cNvSpPr txBox="1"/>
          <p:nvPr>
            <p:custDataLst>
              <p:tags r:id="rId3"/>
            </p:custDataLst>
          </p:nvPr>
        </p:nvSpPr>
        <p:spPr>
          <a:xfrm>
            <a:off x="5149704" y="3652503"/>
            <a:ext cx="133959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" dirty="0" smtClean="0">
                <a:solidFill>
                  <a:schemeClr val="dk1"/>
                </a:solidFill>
                <a:latin typeface="+mj-lt"/>
              </a:rPr>
              <a:t>Jan 1 – Mar 1</a:t>
            </a:r>
            <a:endParaRPr lang="en-US" sz="1400" spc="-2" dirty="0">
              <a:solidFill>
                <a:schemeClr val="dk1"/>
              </a:solidFill>
              <a:latin typeface="+mj-lt"/>
            </a:endParaRPr>
          </a:p>
        </p:txBody>
      </p:sp>
      <p:sp>
        <p:nvSpPr>
          <p:cNvPr id="104" name="OTLSHAPE_T_11a5fd20169a4e5aa0bed048dba08ff2_Title"/>
          <p:cNvSpPr txBox="1"/>
          <p:nvPr>
            <p:custDataLst>
              <p:tags r:id="rId4"/>
            </p:custDataLst>
          </p:nvPr>
        </p:nvSpPr>
        <p:spPr>
          <a:xfrm>
            <a:off x="898333" y="3696107"/>
            <a:ext cx="71301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0" dirty="0" smtClean="0">
                <a:solidFill>
                  <a:schemeClr val="dk1"/>
                </a:solidFill>
                <a:latin typeface="+mj-lt"/>
              </a:rPr>
              <a:t>Project 1</a:t>
            </a:r>
            <a:endParaRPr lang="en-US" sz="1400" spc="-20" dirty="0">
              <a:solidFill>
                <a:schemeClr val="dk1"/>
              </a:solidFill>
              <a:latin typeface="+mj-lt"/>
            </a:endParaRPr>
          </a:p>
        </p:txBody>
      </p:sp>
      <p:sp>
        <p:nvSpPr>
          <p:cNvPr id="105" name="OTLSHAPE_T_23c152327d314e958e11ca251f33fb49_Shape"/>
          <p:cNvSpPr/>
          <p:nvPr>
            <p:custDataLst>
              <p:tags r:id="rId5"/>
            </p:custDataLst>
          </p:nvPr>
        </p:nvSpPr>
        <p:spPr>
          <a:xfrm>
            <a:off x="4141887" y="4031727"/>
            <a:ext cx="2608163" cy="2772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 smtClean="0">
                <a:latin typeface="+mj-lt"/>
              </a:rPr>
              <a:t>Phase 2</a:t>
            </a:r>
            <a:endParaRPr lang="en-US" sz="1400" dirty="0">
              <a:latin typeface="+mj-lt"/>
            </a:endParaRPr>
          </a:p>
        </p:txBody>
      </p:sp>
      <p:sp>
        <p:nvSpPr>
          <p:cNvPr id="106" name="OTLSHAPE_T_f23e460505c24ee88159b421b810b7e4_Shape"/>
          <p:cNvSpPr/>
          <p:nvPr>
            <p:custDataLst>
              <p:tags r:id="rId6"/>
            </p:custDataLst>
          </p:nvPr>
        </p:nvSpPr>
        <p:spPr>
          <a:xfrm>
            <a:off x="6291817" y="4388656"/>
            <a:ext cx="2301422" cy="2772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latin typeface="+mj-lt"/>
            </a:endParaRPr>
          </a:p>
        </p:txBody>
      </p:sp>
      <p:sp>
        <p:nvSpPr>
          <p:cNvPr id="109" name="OTLSHAPE_T_82d1b7aae77d41a2be14d69f5e501b1b_Shape"/>
          <p:cNvSpPr/>
          <p:nvPr>
            <p:custDataLst>
              <p:tags r:id="rId7"/>
            </p:custDataLst>
          </p:nvPr>
        </p:nvSpPr>
        <p:spPr>
          <a:xfrm>
            <a:off x="8601195" y="4771925"/>
            <a:ext cx="2736000" cy="277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latin typeface="+mj-lt"/>
            </a:endParaRPr>
          </a:p>
        </p:txBody>
      </p:sp>
      <p:sp>
        <p:nvSpPr>
          <p:cNvPr id="117" name="OTLSHAPE_T_11a5fd20169a4e5aa0bed048dba08ff2_Title"/>
          <p:cNvSpPr txBox="1"/>
          <p:nvPr>
            <p:custDataLst>
              <p:tags r:id="rId8"/>
            </p:custDataLst>
          </p:nvPr>
        </p:nvSpPr>
        <p:spPr>
          <a:xfrm>
            <a:off x="898333" y="4051213"/>
            <a:ext cx="71301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0" dirty="0" smtClean="0">
                <a:solidFill>
                  <a:schemeClr val="dk1"/>
                </a:solidFill>
                <a:latin typeface="+mj-lt"/>
              </a:rPr>
              <a:t>Project 2</a:t>
            </a:r>
            <a:endParaRPr lang="en-US" sz="1400" spc="-20" dirty="0">
              <a:solidFill>
                <a:schemeClr val="dk1"/>
              </a:solidFill>
              <a:latin typeface="+mj-lt"/>
            </a:endParaRPr>
          </a:p>
        </p:txBody>
      </p:sp>
      <p:sp>
        <p:nvSpPr>
          <p:cNvPr id="120" name="OTLSHAPE_T_11a5fd20169a4e5aa0bed048dba08ff2_Title"/>
          <p:cNvSpPr txBox="1"/>
          <p:nvPr>
            <p:custDataLst>
              <p:tags r:id="rId9"/>
            </p:custDataLst>
          </p:nvPr>
        </p:nvSpPr>
        <p:spPr>
          <a:xfrm>
            <a:off x="898333" y="4394649"/>
            <a:ext cx="71301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0" dirty="0" smtClean="0">
                <a:solidFill>
                  <a:schemeClr val="dk1"/>
                </a:solidFill>
                <a:latin typeface="+mj-lt"/>
              </a:rPr>
              <a:t>Project 3</a:t>
            </a:r>
            <a:endParaRPr lang="en-US" sz="1400" spc="-20" dirty="0">
              <a:solidFill>
                <a:schemeClr val="dk1"/>
              </a:solidFill>
              <a:latin typeface="+mj-lt"/>
            </a:endParaRPr>
          </a:p>
        </p:txBody>
      </p:sp>
      <p:sp>
        <p:nvSpPr>
          <p:cNvPr id="121" name="OTLSHAPE_T_11a5fd20169a4e5aa0bed048dba08ff2_Title"/>
          <p:cNvSpPr txBox="1"/>
          <p:nvPr>
            <p:custDataLst>
              <p:tags r:id="rId10"/>
            </p:custDataLst>
          </p:nvPr>
        </p:nvSpPr>
        <p:spPr>
          <a:xfrm>
            <a:off x="898333" y="4728790"/>
            <a:ext cx="71301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0" dirty="0" smtClean="0">
                <a:solidFill>
                  <a:schemeClr val="dk1"/>
                </a:solidFill>
                <a:latin typeface="+mj-lt"/>
              </a:rPr>
              <a:t>Project 4</a:t>
            </a:r>
            <a:endParaRPr lang="en-US" sz="1400" spc="-20" dirty="0">
              <a:solidFill>
                <a:schemeClr val="dk1"/>
              </a:solidFill>
              <a:latin typeface="+mj-lt"/>
            </a:endParaRPr>
          </a:p>
        </p:txBody>
      </p:sp>
      <p:sp>
        <p:nvSpPr>
          <p:cNvPr id="122" name="OTLSHAPE_T_11a5fd20169a4e5aa0bed048dba08ff2_JoinedDate"/>
          <p:cNvSpPr txBox="1"/>
          <p:nvPr>
            <p:custDataLst>
              <p:tags r:id="rId11"/>
            </p:custDataLst>
          </p:nvPr>
        </p:nvSpPr>
        <p:spPr>
          <a:xfrm>
            <a:off x="7162745" y="4062661"/>
            <a:ext cx="133959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" dirty="0" smtClean="0">
                <a:solidFill>
                  <a:schemeClr val="dk1"/>
                </a:solidFill>
                <a:latin typeface="+mj-lt"/>
              </a:rPr>
              <a:t>Mar 1 – Jun 15</a:t>
            </a:r>
            <a:endParaRPr lang="en-US" sz="1400" spc="-2" dirty="0">
              <a:solidFill>
                <a:schemeClr val="dk1"/>
              </a:solidFill>
              <a:latin typeface="+mj-lt"/>
            </a:endParaRPr>
          </a:p>
        </p:txBody>
      </p:sp>
      <p:cxnSp>
        <p:nvCxnSpPr>
          <p:cNvPr id="123" name="OTLSHAPE_T_11a5fd20169a4e5aa0bed048dba08ff2_HorizontalConnector1"/>
          <p:cNvCxnSpPr/>
          <p:nvPr>
            <p:custDataLst>
              <p:tags r:id="rId12"/>
            </p:custDataLst>
          </p:nvPr>
        </p:nvCxnSpPr>
        <p:spPr>
          <a:xfrm>
            <a:off x="1682528" y="4887265"/>
            <a:ext cx="576000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_11a5fd20169a4e5aa0bed048dba08ff2_HorizontalConnector1"/>
          <p:cNvCxnSpPr/>
          <p:nvPr>
            <p:custDataLst>
              <p:tags r:id="rId13"/>
            </p:custDataLst>
          </p:nvPr>
        </p:nvCxnSpPr>
        <p:spPr>
          <a:xfrm>
            <a:off x="1682528" y="4516443"/>
            <a:ext cx="4428000" cy="0"/>
          </a:xfrm>
          <a:prstGeom prst="line">
            <a:avLst/>
          </a:prstGeom>
          <a:ln w="1270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11a5fd20169a4e5aa0bed048dba08ff2_HorizontalConnector1"/>
          <p:cNvCxnSpPr/>
          <p:nvPr>
            <p:custDataLst>
              <p:tags r:id="rId14"/>
            </p:custDataLst>
          </p:nvPr>
        </p:nvCxnSpPr>
        <p:spPr>
          <a:xfrm>
            <a:off x="1682528" y="4145622"/>
            <a:ext cx="2088000" cy="0"/>
          </a:xfrm>
          <a:prstGeom prst="line">
            <a:avLst/>
          </a:prstGeom>
          <a:ln w="1270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M_9b39fefad822441faaec2498033d8bd1_Connector1"/>
          <p:cNvCxnSpPr/>
          <p:nvPr>
            <p:custDataLst>
              <p:tags r:id="rId15"/>
            </p:custDataLst>
          </p:nvPr>
        </p:nvCxnSpPr>
        <p:spPr>
          <a:xfrm>
            <a:off x="4352278" y="2248160"/>
            <a:ext cx="0" cy="526993"/>
          </a:xfrm>
          <a:prstGeom prst="line">
            <a:avLst/>
          </a:prstGeom>
          <a:ln w="9525" cap="flat" cmpd="sng" algn="ctr">
            <a:solidFill>
              <a:srgbClr val="00206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" name="OTLSHAPE_M_9b39fefad822441faaec2498033d8bd1_Shape"/>
          <p:cNvSpPr/>
          <p:nvPr>
            <p:custDataLst>
              <p:tags r:id="rId16"/>
            </p:custDataLst>
          </p:nvPr>
        </p:nvSpPr>
        <p:spPr>
          <a:xfrm rot="16200000">
            <a:off x="4368153" y="2253894"/>
            <a:ext cx="165100" cy="165100"/>
          </a:xfrm>
          <a:prstGeom prst="flowChartMerg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+mj-lt"/>
            </a:endParaRPr>
          </a:p>
        </p:txBody>
      </p:sp>
      <p:cxnSp>
        <p:nvCxnSpPr>
          <p:cNvPr id="135" name="OTLSHAPE_M_9b39fefad822441faaec2498033d8bd1_Connector1"/>
          <p:cNvCxnSpPr/>
          <p:nvPr>
            <p:custDataLst>
              <p:tags r:id="rId17"/>
            </p:custDataLst>
          </p:nvPr>
        </p:nvCxnSpPr>
        <p:spPr>
          <a:xfrm>
            <a:off x="3251189" y="1553612"/>
            <a:ext cx="0" cy="1260000"/>
          </a:xfrm>
          <a:prstGeom prst="line">
            <a:avLst/>
          </a:prstGeom>
          <a:ln w="9525" cap="flat" cmpd="sng" algn="ctr">
            <a:solidFill>
              <a:srgbClr val="00206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" name="OTLSHAPE_M_9b39fefad822441faaec2498033d8bd1_Shape"/>
          <p:cNvSpPr/>
          <p:nvPr>
            <p:custDataLst>
              <p:tags r:id="rId18"/>
            </p:custDataLst>
          </p:nvPr>
        </p:nvSpPr>
        <p:spPr>
          <a:xfrm rot="16200000">
            <a:off x="3261777" y="1568227"/>
            <a:ext cx="165100" cy="165100"/>
          </a:xfrm>
          <a:prstGeom prst="flowChartMerge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+mj-lt"/>
            </a:endParaRPr>
          </a:p>
        </p:txBody>
      </p:sp>
      <p:sp>
        <p:nvSpPr>
          <p:cNvPr id="137" name="OTLSHAPE_M_9b39fefad822441faaec2498033d8bd1_Title"/>
          <p:cNvSpPr txBox="1"/>
          <p:nvPr>
            <p:custDataLst>
              <p:tags r:id="rId19"/>
            </p:custDataLst>
          </p:nvPr>
        </p:nvSpPr>
        <p:spPr>
          <a:xfrm>
            <a:off x="2176398" y="1500056"/>
            <a:ext cx="97546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 smtClean="0">
                <a:solidFill>
                  <a:schemeClr val="dk1"/>
                </a:solidFill>
                <a:latin typeface="+mj-lt"/>
              </a:rPr>
              <a:t>Write your milestone here</a:t>
            </a:r>
            <a:endParaRPr lang="en-US" sz="1200" spc="-6" dirty="0">
              <a:solidFill>
                <a:schemeClr val="dk1"/>
              </a:solidFill>
              <a:latin typeface="+mj-lt"/>
            </a:endParaRPr>
          </a:p>
        </p:txBody>
      </p:sp>
      <p:cxnSp>
        <p:nvCxnSpPr>
          <p:cNvPr id="138" name="OTLSHAPE_M_9b39fefad822441faaec2498033d8bd1_Connector1"/>
          <p:cNvCxnSpPr/>
          <p:nvPr>
            <p:custDataLst>
              <p:tags r:id="rId20"/>
            </p:custDataLst>
          </p:nvPr>
        </p:nvCxnSpPr>
        <p:spPr>
          <a:xfrm>
            <a:off x="5543079" y="1731882"/>
            <a:ext cx="0" cy="1260000"/>
          </a:xfrm>
          <a:prstGeom prst="line">
            <a:avLst/>
          </a:prstGeom>
          <a:ln w="9525" cap="flat" cmpd="sng" algn="ctr">
            <a:solidFill>
              <a:srgbClr val="00B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" name="OTLSHAPE_M_9b39fefad822441faaec2498033d8bd1_Shape"/>
          <p:cNvSpPr/>
          <p:nvPr>
            <p:custDataLst>
              <p:tags r:id="rId21"/>
            </p:custDataLst>
          </p:nvPr>
        </p:nvSpPr>
        <p:spPr>
          <a:xfrm rot="16200000">
            <a:off x="5566737" y="1742780"/>
            <a:ext cx="165100" cy="165100"/>
          </a:xfrm>
          <a:prstGeom prst="flowChartMerg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+mj-lt"/>
            </a:endParaRPr>
          </a:p>
        </p:txBody>
      </p:sp>
      <p:cxnSp>
        <p:nvCxnSpPr>
          <p:cNvPr id="140" name="OTLSHAPE_M_9b39fefad822441faaec2498033d8bd1_Connector1"/>
          <p:cNvCxnSpPr/>
          <p:nvPr>
            <p:custDataLst>
              <p:tags r:id="rId22"/>
            </p:custDataLst>
          </p:nvPr>
        </p:nvCxnSpPr>
        <p:spPr>
          <a:xfrm>
            <a:off x="6818140" y="2256928"/>
            <a:ext cx="0" cy="526993"/>
          </a:xfrm>
          <a:prstGeom prst="line">
            <a:avLst/>
          </a:prstGeom>
          <a:ln w="9525" cap="flat" cmpd="sng" algn="ctr">
            <a:solidFill>
              <a:srgbClr val="FFC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OTLSHAPE_M_9b39fefad822441faaec2498033d8bd1_Shape"/>
          <p:cNvSpPr/>
          <p:nvPr>
            <p:custDataLst>
              <p:tags r:id="rId23"/>
            </p:custDataLst>
          </p:nvPr>
        </p:nvSpPr>
        <p:spPr>
          <a:xfrm rot="16200000">
            <a:off x="6824490" y="2262662"/>
            <a:ext cx="165100" cy="165100"/>
          </a:xfrm>
          <a:prstGeom prst="flowChartMerg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+mj-lt"/>
            </a:endParaRPr>
          </a:p>
        </p:txBody>
      </p:sp>
      <p:cxnSp>
        <p:nvCxnSpPr>
          <p:cNvPr id="142" name="OTLSHAPE_M_9b39fefad822441faaec2498033d8bd1_Connector1"/>
          <p:cNvCxnSpPr/>
          <p:nvPr>
            <p:custDataLst>
              <p:tags r:id="rId24"/>
            </p:custDataLst>
          </p:nvPr>
        </p:nvCxnSpPr>
        <p:spPr>
          <a:xfrm>
            <a:off x="9042208" y="2231407"/>
            <a:ext cx="0" cy="54000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OTLSHAPE_M_9b39fefad822441faaec2498033d8bd1_Shape"/>
          <p:cNvSpPr/>
          <p:nvPr>
            <p:custDataLst>
              <p:tags r:id="rId25"/>
            </p:custDataLst>
          </p:nvPr>
        </p:nvSpPr>
        <p:spPr>
          <a:xfrm rot="16200000">
            <a:off x="9050462" y="2252595"/>
            <a:ext cx="165100" cy="165100"/>
          </a:xfrm>
          <a:prstGeom prst="flowChartMerge">
            <a:avLst/>
          </a:prstGeom>
          <a:solidFill>
            <a:srgbClr val="0055F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200">
              <a:latin typeface="+mj-lt"/>
            </a:endParaRPr>
          </a:p>
        </p:txBody>
      </p:sp>
      <p:grpSp>
        <p:nvGrpSpPr>
          <p:cNvPr id="144" name="Group 143"/>
          <p:cNvGrpSpPr/>
          <p:nvPr/>
        </p:nvGrpSpPr>
        <p:grpSpPr>
          <a:xfrm>
            <a:off x="2618377" y="2786577"/>
            <a:ext cx="8716374" cy="289787"/>
            <a:chOff x="1463483" y="2512605"/>
            <a:chExt cx="10900300" cy="233542"/>
          </a:xfrm>
        </p:grpSpPr>
        <p:sp>
          <p:nvSpPr>
            <p:cNvPr id="145" name="Rectangle 144"/>
            <p:cNvSpPr/>
            <p:nvPr/>
          </p:nvSpPr>
          <p:spPr>
            <a:xfrm>
              <a:off x="1463483" y="2512605"/>
              <a:ext cx="864000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Jan </a:t>
              </a:r>
              <a:endParaRPr lang="fr-BE" sz="1200" dirty="0"/>
            </a:p>
          </p:txBody>
        </p:sp>
        <p:sp>
          <p:nvSpPr>
            <p:cNvPr id="146" name="Rectangle 145"/>
            <p:cNvSpPr/>
            <p:nvPr/>
          </p:nvSpPr>
          <p:spPr>
            <a:xfrm>
              <a:off x="2378168" y="2512605"/>
              <a:ext cx="864000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Feb</a:t>
              </a:r>
              <a:endParaRPr lang="fr-BE" sz="1200" dirty="0"/>
            </a:p>
          </p:txBody>
        </p:sp>
        <p:sp>
          <p:nvSpPr>
            <p:cNvPr id="147" name="Rectangle 146"/>
            <p:cNvSpPr/>
            <p:nvPr/>
          </p:nvSpPr>
          <p:spPr>
            <a:xfrm>
              <a:off x="3292853" y="2512605"/>
              <a:ext cx="864000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Mar</a:t>
              </a:r>
              <a:endParaRPr lang="fr-BE" sz="1200" dirty="0"/>
            </a:p>
          </p:txBody>
        </p:sp>
        <p:sp>
          <p:nvSpPr>
            <p:cNvPr id="148" name="Rectangle 147"/>
            <p:cNvSpPr/>
            <p:nvPr/>
          </p:nvSpPr>
          <p:spPr>
            <a:xfrm>
              <a:off x="4207538" y="2512605"/>
              <a:ext cx="864000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Apr</a:t>
              </a:r>
              <a:endParaRPr lang="fr-BE" sz="1200" dirty="0"/>
            </a:p>
          </p:txBody>
        </p:sp>
        <p:sp>
          <p:nvSpPr>
            <p:cNvPr id="149" name="Rectangle 148"/>
            <p:cNvSpPr/>
            <p:nvPr/>
          </p:nvSpPr>
          <p:spPr>
            <a:xfrm>
              <a:off x="5122223" y="2512605"/>
              <a:ext cx="864000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May</a:t>
              </a:r>
              <a:endParaRPr lang="fr-BE" sz="1200" dirty="0"/>
            </a:p>
          </p:txBody>
        </p:sp>
        <p:sp>
          <p:nvSpPr>
            <p:cNvPr id="150" name="Rectangle 149"/>
            <p:cNvSpPr/>
            <p:nvPr/>
          </p:nvSpPr>
          <p:spPr>
            <a:xfrm>
              <a:off x="6036908" y="2512605"/>
              <a:ext cx="864000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Jun</a:t>
              </a:r>
              <a:endParaRPr lang="fr-BE" sz="1200" dirty="0"/>
            </a:p>
          </p:txBody>
        </p:sp>
        <p:sp>
          <p:nvSpPr>
            <p:cNvPr id="151" name="Rectangle 150"/>
            <p:cNvSpPr/>
            <p:nvPr/>
          </p:nvSpPr>
          <p:spPr>
            <a:xfrm>
              <a:off x="6951593" y="2512605"/>
              <a:ext cx="864000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Jul</a:t>
              </a:r>
              <a:endParaRPr lang="fr-BE" sz="1200" dirty="0"/>
            </a:p>
          </p:txBody>
        </p:sp>
        <p:sp>
          <p:nvSpPr>
            <p:cNvPr id="152" name="Rectangle 151"/>
            <p:cNvSpPr/>
            <p:nvPr/>
          </p:nvSpPr>
          <p:spPr>
            <a:xfrm>
              <a:off x="7866278" y="2512605"/>
              <a:ext cx="864000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Aug</a:t>
              </a:r>
              <a:endParaRPr lang="fr-BE" sz="1200" dirty="0"/>
            </a:p>
          </p:txBody>
        </p:sp>
        <p:sp>
          <p:nvSpPr>
            <p:cNvPr id="153" name="Rectangle 152"/>
            <p:cNvSpPr/>
            <p:nvPr/>
          </p:nvSpPr>
          <p:spPr>
            <a:xfrm>
              <a:off x="8780963" y="2512605"/>
              <a:ext cx="864000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Sep</a:t>
              </a:r>
              <a:endParaRPr lang="fr-BE" sz="1200" dirty="0"/>
            </a:p>
          </p:txBody>
        </p:sp>
        <p:sp>
          <p:nvSpPr>
            <p:cNvPr id="154" name="Rectangle 153"/>
            <p:cNvSpPr/>
            <p:nvPr/>
          </p:nvSpPr>
          <p:spPr>
            <a:xfrm>
              <a:off x="9695648" y="2512605"/>
              <a:ext cx="864000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Oct</a:t>
              </a:r>
              <a:endParaRPr lang="fr-BE" sz="1200" dirty="0"/>
            </a:p>
          </p:txBody>
        </p:sp>
        <p:sp>
          <p:nvSpPr>
            <p:cNvPr id="155" name="Rectangle 154"/>
            <p:cNvSpPr/>
            <p:nvPr/>
          </p:nvSpPr>
          <p:spPr>
            <a:xfrm>
              <a:off x="10610333" y="2512605"/>
              <a:ext cx="864000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Nov</a:t>
              </a:r>
              <a:endParaRPr lang="fr-BE" sz="1200" dirty="0"/>
            </a:p>
          </p:txBody>
        </p:sp>
        <p:sp>
          <p:nvSpPr>
            <p:cNvPr id="156" name="Rectangle 155"/>
            <p:cNvSpPr/>
            <p:nvPr/>
          </p:nvSpPr>
          <p:spPr>
            <a:xfrm>
              <a:off x="11525022" y="2512605"/>
              <a:ext cx="838761" cy="233542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Dec</a:t>
              </a:r>
              <a:endParaRPr lang="fr-BE" sz="1200" dirty="0"/>
            </a:p>
          </p:txBody>
        </p:sp>
      </p:grpSp>
      <p:sp>
        <p:nvSpPr>
          <p:cNvPr id="157" name="OTLSHAPE_M_9b39fefad822441faaec2498033d8bd1_Title"/>
          <p:cNvSpPr txBox="1"/>
          <p:nvPr>
            <p:custDataLst>
              <p:tags r:id="rId26"/>
            </p:custDataLst>
          </p:nvPr>
        </p:nvSpPr>
        <p:spPr>
          <a:xfrm>
            <a:off x="3280558" y="2209729"/>
            <a:ext cx="97546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 smtClean="0">
                <a:solidFill>
                  <a:schemeClr val="dk1"/>
                </a:solidFill>
                <a:latin typeface="+mj-lt"/>
              </a:rPr>
              <a:t>Write your milestone here</a:t>
            </a:r>
            <a:endParaRPr lang="en-US" sz="1200" spc="-6" dirty="0">
              <a:solidFill>
                <a:schemeClr val="dk1"/>
              </a:solidFill>
              <a:latin typeface="+mj-lt"/>
            </a:endParaRPr>
          </a:p>
        </p:txBody>
      </p:sp>
      <p:sp>
        <p:nvSpPr>
          <p:cNvPr id="158" name="OTLSHAPE_M_9b39fefad822441faaec2498033d8bd1_Title"/>
          <p:cNvSpPr txBox="1"/>
          <p:nvPr>
            <p:custDataLst>
              <p:tags r:id="rId27"/>
            </p:custDataLst>
          </p:nvPr>
        </p:nvSpPr>
        <p:spPr>
          <a:xfrm>
            <a:off x="4448221" y="1670819"/>
            <a:ext cx="97546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 smtClean="0">
                <a:solidFill>
                  <a:schemeClr val="dk1"/>
                </a:solidFill>
                <a:latin typeface="+mj-lt"/>
              </a:rPr>
              <a:t>Write your milestone here</a:t>
            </a:r>
            <a:endParaRPr lang="en-US" sz="1200" spc="-6" dirty="0">
              <a:solidFill>
                <a:schemeClr val="dk1"/>
              </a:solidFill>
              <a:latin typeface="+mj-lt"/>
            </a:endParaRPr>
          </a:p>
        </p:txBody>
      </p:sp>
      <p:sp>
        <p:nvSpPr>
          <p:cNvPr id="159" name="OTLSHAPE_M_9b39fefad822441faaec2498033d8bd1_Title"/>
          <p:cNvSpPr txBox="1"/>
          <p:nvPr>
            <p:custDataLst>
              <p:tags r:id="rId28"/>
            </p:custDataLst>
          </p:nvPr>
        </p:nvSpPr>
        <p:spPr>
          <a:xfrm>
            <a:off x="5758447" y="2209729"/>
            <a:ext cx="97546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 smtClean="0">
                <a:solidFill>
                  <a:schemeClr val="dk1"/>
                </a:solidFill>
                <a:latin typeface="+mj-lt"/>
              </a:rPr>
              <a:t>Write your milestone here</a:t>
            </a:r>
            <a:endParaRPr lang="en-US" sz="1200" spc="-6" dirty="0">
              <a:solidFill>
                <a:schemeClr val="dk1"/>
              </a:solidFill>
              <a:latin typeface="+mj-lt"/>
            </a:endParaRPr>
          </a:p>
        </p:txBody>
      </p:sp>
      <p:sp>
        <p:nvSpPr>
          <p:cNvPr id="160" name="OTLSHAPE_M_9b39fefad822441faaec2498033d8bd1_Title"/>
          <p:cNvSpPr txBox="1"/>
          <p:nvPr>
            <p:custDataLst>
              <p:tags r:id="rId29"/>
            </p:custDataLst>
          </p:nvPr>
        </p:nvSpPr>
        <p:spPr>
          <a:xfrm>
            <a:off x="7954932" y="2209729"/>
            <a:ext cx="97546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 smtClean="0">
                <a:solidFill>
                  <a:schemeClr val="dk1"/>
                </a:solidFill>
                <a:latin typeface="+mj-lt"/>
              </a:rPr>
              <a:t>Write your milestone here</a:t>
            </a:r>
            <a:endParaRPr lang="en-US" sz="1200" spc="-6" dirty="0">
              <a:solidFill>
                <a:schemeClr val="dk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75796855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7" name="Table 2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93080763"/>
              </p:ext>
            </p:extLst>
          </p:nvPr>
        </p:nvGraphicFramePr>
        <p:xfrm>
          <a:off x="462766" y="2629176"/>
          <a:ext cx="11348233" cy="1783080"/>
        </p:xfrm>
        <a:graphic>
          <a:graphicData uri="http://schemas.openxmlformats.org/drawingml/2006/table">
            <a:tbl>
              <a:tblPr firstRow="1" bandRow="1">
                <a:tableStyleId>{EB344D84-9AFB-497E-A393-DC336BA19D2E}</a:tableStyleId>
              </a:tblPr>
              <a:tblGrid>
                <a:gridCol w="620965"/>
                <a:gridCol w="2864752"/>
                <a:gridCol w="1124658"/>
                <a:gridCol w="586115"/>
                <a:gridCol w="552140"/>
                <a:gridCol w="592581"/>
                <a:gridCol w="548137"/>
                <a:gridCol w="592581"/>
                <a:gridCol w="514803"/>
                <a:gridCol w="566654"/>
                <a:gridCol w="561915"/>
                <a:gridCol w="524762"/>
                <a:gridCol w="580571"/>
                <a:gridCol w="551543"/>
                <a:gridCol w="566056"/>
              </a:tblGrid>
              <a:tr h="25826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400" b="0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Item</a:t>
                      </a:r>
                      <a:endParaRPr lang="en-US" sz="1400" b="0" kern="1200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kern="120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Project</a:t>
                      </a:r>
                      <a:r>
                        <a:rPr lang="en-US" sz="1400" b="0" kern="1200" baseline="0" dirty="0" smtClean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 Name</a:t>
                      </a:r>
                      <a:endParaRPr lang="en-US" sz="1400" b="0" kern="1200" dirty="0" smtClean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End Date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JAN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FEB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MAR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APR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MAY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JUN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JUL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AUG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SEP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OCT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NOV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bg1"/>
                          </a:solidFill>
                          <a:latin typeface="+mn-lt"/>
                        </a:rPr>
                        <a:t>DEC</a:t>
                      </a:r>
                      <a:endParaRPr lang="en-US" sz="1400" b="0" dirty="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1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2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3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4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28" name="Pentagon 27"/>
          <p:cNvSpPr/>
          <p:nvPr/>
        </p:nvSpPr>
        <p:spPr>
          <a:xfrm>
            <a:off x="5075595" y="2931216"/>
            <a:ext cx="2220396" cy="381600"/>
          </a:xfrm>
          <a:prstGeom prst="homePlate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Pentagon 28"/>
          <p:cNvSpPr/>
          <p:nvPr/>
        </p:nvSpPr>
        <p:spPr>
          <a:xfrm>
            <a:off x="6208486" y="3312724"/>
            <a:ext cx="1683657" cy="381600"/>
          </a:xfrm>
          <a:prstGeom prst="homePlate">
            <a:avLst/>
          </a:prstGeom>
          <a:solidFill>
            <a:srgbClr val="FFC00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Pentagon 29"/>
          <p:cNvSpPr/>
          <p:nvPr/>
        </p:nvSpPr>
        <p:spPr>
          <a:xfrm>
            <a:off x="7339533" y="3700982"/>
            <a:ext cx="2748681" cy="381600"/>
          </a:xfrm>
          <a:prstGeom prst="homePlate">
            <a:avLst/>
          </a:prstGeom>
          <a:solidFill>
            <a:schemeClr val="accent1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Pentagon 30"/>
          <p:cNvSpPr/>
          <p:nvPr/>
        </p:nvSpPr>
        <p:spPr>
          <a:xfrm>
            <a:off x="9546770" y="4074726"/>
            <a:ext cx="1693453" cy="381600"/>
          </a:xfrm>
          <a:prstGeom prst="homePlate">
            <a:avLst/>
          </a:prstGeom>
          <a:solidFill>
            <a:srgbClr val="FF000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522884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55685162"/>
              </p:ext>
            </p:extLst>
          </p:nvPr>
        </p:nvGraphicFramePr>
        <p:xfrm>
          <a:off x="757590" y="2570842"/>
          <a:ext cx="10572750" cy="216966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843892"/>
                <a:gridCol w="742950"/>
                <a:gridCol w="609600"/>
                <a:gridCol w="666750"/>
                <a:gridCol w="566057"/>
                <a:gridCol w="725714"/>
                <a:gridCol w="624115"/>
                <a:gridCol w="579664"/>
                <a:gridCol w="666750"/>
                <a:gridCol w="611414"/>
                <a:gridCol w="664936"/>
                <a:gridCol w="612321"/>
                <a:gridCol w="658587"/>
              </a:tblGrid>
              <a:tr h="264395"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Project Name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Jan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Feb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Mar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Apr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May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Jun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Jul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Aug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Sep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Oct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Nov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Dec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</a:tr>
              <a:tr h="37297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297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297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297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297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  <p:sp>
        <p:nvSpPr>
          <p:cNvPr id="11" name="Rectangle 10"/>
          <p:cNvSpPr/>
          <p:nvPr/>
        </p:nvSpPr>
        <p:spPr>
          <a:xfrm>
            <a:off x="3614861" y="2875642"/>
            <a:ext cx="1299028" cy="369073"/>
          </a:xfrm>
          <a:prstGeom prst="rect">
            <a:avLst/>
          </a:prstGeom>
          <a:solidFill>
            <a:srgbClr val="FFFF00">
              <a:alpha val="4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/>
          <p:cNvSpPr/>
          <p:nvPr/>
        </p:nvSpPr>
        <p:spPr>
          <a:xfrm>
            <a:off x="4913889" y="3250850"/>
            <a:ext cx="2628270" cy="360000"/>
          </a:xfrm>
          <a:prstGeom prst="rect">
            <a:avLst/>
          </a:prstGeom>
          <a:solidFill>
            <a:srgbClr val="00E668">
              <a:alpha val="4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/>
          <p:cNvSpPr/>
          <p:nvPr/>
        </p:nvSpPr>
        <p:spPr>
          <a:xfrm>
            <a:off x="6192331" y="3624726"/>
            <a:ext cx="1349828" cy="368516"/>
          </a:xfrm>
          <a:prstGeom prst="rect">
            <a:avLst/>
          </a:prstGeom>
          <a:solidFill>
            <a:srgbClr val="7030A0">
              <a:alpha val="4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/>
          <p:cNvSpPr/>
          <p:nvPr/>
        </p:nvSpPr>
        <p:spPr>
          <a:xfrm>
            <a:off x="7527645" y="4013263"/>
            <a:ext cx="612000" cy="360000"/>
          </a:xfrm>
          <a:prstGeom prst="rect">
            <a:avLst/>
          </a:prstGeom>
          <a:solidFill>
            <a:srgbClr val="0070C0">
              <a:alpha val="4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/>
          <p:cNvSpPr/>
          <p:nvPr/>
        </p:nvSpPr>
        <p:spPr>
          <a:xfrm>
            <a:off x="8139645" y="4379398"/>
            <a:ext cx="1936800" cy="360000"/>
          </a:xfrm>
          <a:prstGeom prst="rect">
            <a:avLst/>
          </a:prstGeom>
          <a:solidFill>
            <a:srgbClr val="FF5050">
              <a:alpha val="4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26480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24375125"/>
              </p:ext>
            </p:extLst>
          </p:nvPr>
        </p:nvGraphicFramePr>
        <p:xfrm>
          <a:off x="776640" y="2577192"/>
          <a:ext cx="10572750" cy="232297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843892"/>
                <a:gridCol w="742950"/>
                <a:gridCol w="609600"/>
                <a:gridCol w="666750"/>
                <a:gridCol w="566057"/>
                <a:gridCol w="725714"/>
                <a:gridCol w="624115"/>
                <a:gridCol w="579664"/>
                <a:gridCol w="666750"/>
                <a:gridCol w="611414"/>
                <a:gridCol w="664936"/>
                <a:gridCol w="612321"/>
                <a:gridCol w="658587"/>
              </a:tblGrid>
              <a:tr h="458108"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Project Name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Jan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Feb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Mar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Apr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May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Jun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Jul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Aug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Sep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Oct</a:t>
                      </a:r>
                      <a:endParaRPr lang="en-US" sz="14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/>
                        <a:t>Nov</a:t>
                      </a:r>
                      <a:endParaRPr lang="en-US" sz="16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/>
                        <a:t>Dec</a:t>
                      </a:r>
                      <a:endParaRPr lang="en-US" sz="1600" b="0" dirty="0"/>
                    </a:p>
                  </a:txBody>
                  <a:tcPr>
                    <a:solidFill>
                      <a:schemeClr val="tx2">
                        <a:lumMod val="75000"/>
                      </a:schemeClr>
                    </a:solidFill>
                  </a:tcPr>
                </a:tc>
              </a:tr>
              <a:tr h="372973">
                <a:tc>
                  <a:txBody>
                    <a:bodyPr/>
                    <a:lstStyle/>
                    <a:p>
                      <a:r>
                        <a:rPr lang="en-US" sz="1400" dirty="0" smtClean="0">
                          <a:solidFill>
                            <a:schemeClr val="bg1"/>
                          </a:solidFill>
                        </a:rPr>
                        <a:t>Insert</a:t>
                      </a:r>
                      <a:r>
                        <a:rPr lang="en-US" sz="1400" baseline="0" dirty="0" smtClean="0">
                          <a:solidFill>
                            <a:schemeClr val="bg1"/>
                          </a:solidFill>
                        </a:rPr>
                        <a:t> name</a:t>
                      </a:r>
                      <a:endParaRPr lang="en-US" sz="1400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2973">
                <a:tc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2973">
                <a:tc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2973">
                <a:tc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2973">
                <a:tc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  <p:sp>
        <p:nvSpPr>
          <p:cNvPr id="7" name="Rectangle 6"/>
          <p:cNvSpPr/>
          <p:nvPr/>
        </p:nvSpPr>
        <p:spPr>
          <a:xfrm>
            <a:off x="3646610" y="3054348"/>
            <a:ext cx="1700089" cy="360000"/>
          </a:xfrm>
          <a:prstGeom prst="rect">
            <a:avLst/>
          </a:prstGeom>
          <a:solidFill>
            <a:srgbClr val="FF5050">
              <a:alpha val="8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5387366" y="3409629"/>
            <a:ext cx="1700089" cy="360000"/>
          </a:xfrm>
          <a:prstGeom prst="rect">
            <a:avLst/>
          </a:prstGeom>
          <a:solidFill>
            <a:srgbClr val="E575FF">
              <a:alpha val="8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/>
          <p:cNvSpPr/>
          <p:nvPr/>
        </p:nvSpPr>
        <p:spPr>
          <a:xfrm>
            <a:off x="6588981" y="3781966"/>
            <a:ext cx="728540" cy="360000"/>
          </a:xfrm>
          <a:prstGeom prst="rect">
            <a:avLst/>
          </a:prstGeom>
          <a:solidFill>
            <a:srgbClr val="FFC000">
              <a:alpha val="8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7087455" y="4167003"/>
            <a:ext cx="1583469" cy="360000"/>
          </a:xfrm>
          <a:prstGeom prst="rect">
            <a:avLst/>
          </a:prstGeom>
          <a:solidFill>
            <a:srgbClr val="00E668">
              <a:alpha val="8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/>
          <p:cNvSpPr/>
          <p:nvPr/>
        </p:nvSpPr>
        <p:spPr>
          <a:xfrm>
            <a:off x="9111070" y="4540165"/>
            <a:ext cx="1583469" cy="360000"/>
          </a:xfrm>
          <a:prstGeom prst="rect">
            <a:avLst/>
          </a:prstGeom>
          <a:solidFill>
            <a:srgbClr val="00B0F0">
              <a:alpha val="8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927313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Table 1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62546667"/>
              </p:ext>
            </p:extLst>
          </p:nvPr>
        </p:nvGraphicFramePr>
        <p:xfrm>
          <a:off x="829510" y="2305050"/>
          <a:ext cx="10247141" cy="2225782"/>
        </p:xfrm>
        <a:graphic>
          <a:graphicData uri="http://schemas.openxmlformats.org/drawingml/2006/table">
            <a:tbl>
              <a:tblPr firstRow="1" bandRow="1">
                <a:tableStyleId>{EB344D84-9AFB-497E-A393-DC336BA19D2E}</a:tableStyleId>
              </a:tblPr>
              <a:tblGrid>
                <a:gridCol w="383340"/>
                <a:gridCol w="1447800"/>
                <a:gridCol w="996623"/>
                <a:gridCol w="359492"/>
                <a:gridCol w="359492"/>
                <a:gridCol w="359492"/>
                <a:gridCol w="359492"/>
                <a:gridCol w="359492"/>
                <a:gridCol w="359492"/>
                <a:gridCol w="359492"/>
                <a:gridCol w="359492"/>
                <a:gridCol w="359492"/>
                <a:gridCol w="359492"/>
                <a:gridCol w="359492"/>
                <a:gridCol w="359492"/>
                <a:gridCol w="338654"/>
                <a:gridCol w="363458"/>
                <a:gridCol w="336198"/>
                <a:gridCol w="363458"/>
                <a:gridCol w="315753"/>
                <a:gridCol w="347556"/>
                <a:gridCol w="313482"/>
                <a:gridCol w="363457"/>
                <a:gridCol w="363458"/>
              </a:tblGrid>
              <a:tr h="373751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b="1" kern="1200" dirty="0" smtClean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gridSpan="7">
                  <a:txBody>
                    <a:bodyPr/>
                    <a:lstStyle/>
                    <a:p>
                      <a:r>
                        <a:rPr lang="en-US" sz="1600" dirty="0" smtClean="0">
                          <a:solidFill>
                            <a:schemeClr val="bg1"/>
                          </a:solidFill>
                          <a:latin typeface="+mj-lt"/>
                        </a:rPr>
                        <a:t>Mar</a:t>
                      </a:r>
                      <a:r>
                        <a:rPr lang="en-US" sz="1600" baseline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 2</a:t>
                      </a:r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gridSpan="7">
                  <a:txBody>
                    <a:bodyPr/>
                    <a:lstStyle/>
                    <a:p>
                      <a:r>
                        <a:rPr lang="en-US" sz="1600" dirty="0" smtClean="0">
                          <a:solidFill>
                            <a:schemeClr val="bg1"/>
                          </a:solidFill>
                          <a:latin typeface="+mj-lt"/>
                        </a:rPr>
                        <a:t>Mar 9</a:t>
                      </a:r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gridSpan="7">
                  <a:txBody>
                    <a:bodyPr/>
                    <a:lstStyle/>
                    <a:p>
                      <a:r>
                        <a:rPr lang="en-US" sz="1600" dirty="0" smtClean="0">
                          <a:solidFill>
                            <a:schemeClr val="bg1"/>
                          </a:solidFill>
                          <a:latin typeface="+mj-lt"/>
                        </a:rPr>
                        <a:t>Mar 16</a:t>
                      </a:r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</a:tr>
              <a:tr h="373751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0" kern="1200" dirty="0" smtClean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ID</a:t>
                      </a:r>
                      <a:endParaRPr lang="en-US" sz="1600" b="0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kern="1200" dirty="0" smtClean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Project</a:t>
                      </a:r>
                      <a:r>
                        <a:rPr lang="en-US" sz="1600" b="0" kern="1200" baseline="0" dirty="0" smtClean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 Name</a:t>
                      </a:r>
                      <a:endParaRPr lang="en-US" sz="1600" b="0" kern="1200" dirty="0" smtClean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Duration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M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T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W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T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F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S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S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M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T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W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T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F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S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S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M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T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W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T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F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S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S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75000"/>
                      </a:schemeClr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1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2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3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4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18" name="Pentagon 17"/>
          <p:cNvSpPr/>
          <p:nvPr/>
        </p:nvSpPr>
        <p:spPr>
          <a:xfrm>
            <a:off x="3655578" y="3053337"/>
            <a:ext cx="2494852" cy="363469"/>
          </a:xfrm>
          <a:prstGeom prst="homePlate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Pentagon 18"/>
          <p:cNvSpPr/>
          <p:nvPr/>
        </p:nvSpPr>
        <p:spPr>
          <a:xfrm>
            <a:off x="4378571" y="3416806"/>
            <a:ext cx="2494852" cy="363469"/>
          </a:xfrm>
          <a:prstGeom prst="homePlate">
            <a:avLst/>
          </a:prstGeom>
          <a:solidFill>
            <a:srgbClr val="772ADE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Pentagon 19"/>
          <p:cNvSpPr/>
          <p:nvPr/>
        </p:nvSpPr>
        <p:spPr>
          <a:xfrm>
            <a:off x="6169480" y="3780276"/>
            <a:ext cx="2494852" cy="371088"/>
          </a:xfrm>
          <a:prstGeom prst="homePlate">
            <a:avLst/>
          </a:prstGeom>
          <a:solidFill>
            <a:srgbClr val="F01025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Pentagon 20"/>
          <p:cNvSpPr/>
          <p:nvPr/>
        </p:nvSpPr>
        <p:spPr>
          <a:xfrm>
            <a:off x="6531221" y="4151364"/>
            <a:ext cx="4545430" cy="377789"/>
          </a:xfrm>
          <a:prstGeom prst="homePlate">
            <a:avLst/>
          </a:prstGeom>
          <a:solidFill>
            <a:srgbClr val="578ACA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Pentagon 21"/>
          <p:cNvSpPr/>
          <p:nvPr/>
        </p:nvSpPr>
        <p:spPr>
          <a:xfrm>
            <a:off x="785060" y="4867978"/>
            <a:ext cx="497640" cy="224805"/>
          </a:xfrm>
          <a:prstGeom prst="homePlate">
            <a:avLst/>
          </a:prstGeom>
          <a:solidFill>
            <a:srgbClr val="00B05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Pentagon 22"/>
          <p:cNvSpPr/>
          <p:nvPr/>
        </p:nvSpPr>
        <p:spPr>
          <a:xfrm>
            <a:off x="785060" y="5231961"/>
            <a:ext cx="497640" cy="224805"/>
          </a:xfrm>
          <a:prstGeom prst="homePlate">
            <a:avLst/>
          </a:prstGeom>
          <a:solidFill>
            <a:srgbClr val="772ADE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Pentagon 23"/>
          <p:cNvSpPr/>
          <p:nvPr/>
        </p:nvSpPr>
        <p:spPr>
          <a:xfrm>
            <a:off x="785060" y="5595944"/>
            <a:ext cx="497640" cy="229517"/>
          </a:xfrm>
          <a:prstGeom prst="homePlate">
            <a:avLst/>
          </a:prstGeom>
          <a:solidFill>
            <a:srgbClr val="F01025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Pentagon 24"/>
          <p:cNvSpPr/>
          <p:nvPr/>
        </p:nvSpPr>
        <p:spPr>
          <a:xfrm>
            <a:off x="785060" y="5966005"/>
            <a:ext cx="497640" cy="218895"/>
          </a:xfrm>
          <a:prstGeom prst="homePlate">
            <a:avLst/>
          </a:prstGeom>
          <a:solidFill>
            <a:srgbClr val="578ACA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M_9b39fefad822441faaec2498033d8bd1_Title"/>
          <p:cNvSpPr txBox="1"/>
          <p:nvPr>
            <p:custDataLst>
              <p:tags r:id="rId1"/>
            </p:custDataLst>
          </p:nvPr>
        </p:nvSpPr>
        <p:spPr>
          <a:xfrm>
            <a:off x="1464860" y="4864639"/>
            <a:ext cx="207006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+mj-lt"/>
              </a:rPr>
              <a:t>Describe the task completed</a:t>
            </a:r>
            <a:endParaRPr lang="en-US" sz="1400" spc="-6" dirty="0">
              <a:solidFill>
                <a:schemeClr val="dk1"/>
              </a:solidFill>
              <a:latin typeface="+mj-lt"/>
            </a:endParaRPr>
          </a:p>
        </p:txBody>
      </p:sp>
      <p:sp>
        <p:nvSpPr>
          <p:cNvPr id="29" name="OTLSHAPE_M_9b39fefad822441faaec2498033d8bd1_Title"/>
          <p:cNvSpPr txBox="1"/>
          <p:nvPr>
            <p:custDataLst>
              <p:tags r:id="rId2"/>
            </p:custDataLst>
          </p:nvPr>
        </p:nvSpPr>
        <p:spPr>
          <a:xfrm>
            <a:off x="1464860" y="5173450"/>
            <a:ext cx="322144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solidFill>
                  <a:schemeClr val="dk1"/>
                </a:solidFill>
                <a:latin typeface="+mj-lt"/>
              </a:rPr>
              <a:t>Or just indicate the type of activity that will be done during that period</a:t>
            </a:r>
            <a:endParaRPr lang="en-US" sz="1400" spc="-6" dirty="0">
              <a:solidFill>
                <a:schemeClr val="dk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54347251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83688577"/>
              </p:ext>
            </p:extLst>
          </p:nvPr>
        </p:nvGraphicFramePr>
        <p:xfrm>
          <a:off x="520828" y="2540000"/>
          <a:ext cx="10669686" cy="2087880"/>
        </p:xfrm>
        <a:graphic>
          <a:graphicData uri="http://schemas.openxmlformats.org/drawingml/2006/table">
            <a:tbl>
              <a:tblPr firstRow="1" bandRow="1">
                <a:tableStyleId>{EB344D84-9AFB-497E-A393-DC336BA19D2E}</a:tableStyleId>
              </a:tblPr>
              <a:tblGrid>
                <a:gridCol w="387142"/>
                <a:gridCol w="2867134"/>
                <a:gridCol w="1049984"/>
                <a:gridCol w="547199"/>
                <a:gridCol w="515479"/>
                <a:gridCol w="553235"/>
                <a:gridCol w="511741"/>
                <a:gridCol w="553235"/>
                <a:gridCol w="480622"/>
                <a:gridCol w="529030"/>
                <a:gridCol w="541285"/>
                <a:gridCol w="489113"/>
                <a:gridCol w="553235"/>
                <a:gridCol w="554224"/>
                <a:gridCol w="537028"/>
              </a:tblGrid>
              <a:tr h="286034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400" b="0" kern="1200" dirty="0" smtClean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ID</a:t>
                      </a:r>
                      <a:endParaRPr lang="en-US" sz="1400" b="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kern="1200" dirty="0" smtClean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Project</a:t>
                      </a:r>
                      <a:r>
                        <a:rPr lang="en-US" sz="1400" b="0" kern="1200" baseline="0" dirty="0" smtClean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 Name</a:t>
                      </a:r>
                      <a:endParaRPr lang="en-US" sz="1400" b="0" kern="1200" dirty="0" smtClean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End Date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Jan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Feb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Mar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Apr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May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Jun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Jul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Aug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Sep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Oct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Nov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>
                          <a:solidFill>
                            <a:schemeClr val="tx1"/>
                          </a:solidFill>
                          <a:latin typeface="+mj-lt"/>
                        </a:rPr>
                        <a:t>Dec</a:t>
                      </a:r>
                      <a:endParaRPr lang="en-US" sz="1400" b="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1</a:t>
                      </a: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3AD9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Project 1</a:t>
                      </a:r>
                      <a:endParaRPr lang="en-US" sz="1400" b="0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2</a:t>
                      </a: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CF3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Project 2</a:t>
                      </a:r>
                      <a:endParaRPr lang="en-US" sz="1400" b="0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3</a:t>
                      </a: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0102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Project 3</a:t>
                      </a:r>
                      <a:endParaRPr lang="en-US" sz="1400" b="0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4</a:t>
                      </a: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772AD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Project 4</a:t>
                      </a:r>
                      <a:endParaRPr lang="en-US" sz="1400" b="0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5</a:t>
                      </a:r>
                      <a:endParaRPr lang="en-US" sz="16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 smtClean="0"/>
                        <a:t>Project 5</a:t>
                      </a:r>
                      <a:endParaRPr lang="en-US" sz="1400" b="0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6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</a:tr>
            </a:tbl>
          </a:graphicData>
        </a:graphic>
      </p:graphicFrame>
      <p:sp>
        <p:nvSpPr>
          <p:cNvPr id="6" name="Rounded Rectangle 5"/>
          <p:cNvSpPr/>
          <p:nvPr/>
        </p:nvSpPr>
        <p:spPr>
          <a:xfrm>
            <a:off x="4840514" y="2940439"/>
            <a:ext cx="551017" cy="108000"/>
          </a:xfrm>
          <a:prstGeom prst="roundRect">
            <a:avLst/>
          </a:prstGeom>
          <a:solidFill>
            <a:srgbClr val="13AD9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ounded Rectangle 6"/>
          <p:cNvSpPr/>
          <p:nvPr/>
        </p:nvSpPr>
        <p:spPr>
          <a:xfrm>
            <a:off x="5375203" y="3326398"/>
            <a:ext cx="1083654" cy="108000"/>
          </a:xfrm>
          <a:prstGeom prst="roundRect">
            <a:avLst/>
          </a:prstGeom>
          <a:solidFill>
            <a:srgbClr val="FFCF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ounded Rectangle 7"/>
          <p:cNvSpPr/>
          <p:nvPr/>
        </p:nvSpPr>
        <p:spPr>
          <a:xfrm>
            <a:off x="9498514" y="4369711"/>
            <a:ext cx="1692000" cy="108000"/>
          </a:xfrm>
          <a:prstGeom prst="roundRect">
            <a:avLst/>
          </a:prstGeom>
          <a:solidFill>
            <a:srgbClr val="002D8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ounded Rectangle 8"/>
          <p:cNvSpPr/>
          <p:nvPr/>
        </p:nvSpPr>
        <p:spPr>
          <a:xfrm>
            <a:off x="6948188" y="4084487"/>
            <a:ext cx="3168000" cy="108000"/>
          </a:xfrm>
          <a:prstGeom prst="roundRect">
            <a:avLst/>
          </a:prstGeom>
          <a:solidFill>
            <a:srgbClr val="772A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ounded Rectangle 9"/>
          <p:cNvSpPr/>
          <p:nvPr/>
        </p:nvSpPr>
        <p:spPr>
          <a:xfrm>
            <a:off x="5389717" y="3638831"/>
            <a:ext cx="1558471" cy="108000"/>
          </a:xfrm>
          <a:prstGeom prst="roundRect">
            <a:avLst/>
          </a:prstGeom>
          <a:solidFill>
            <a:srgbClr val="F010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460776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80996971"/>
              </p:ext>
            </p:extLst>
          </p:nvPr>
        </p:nvGraphicFramePr>
        <p:xfrm>
          <a:off x="1178690" y="2420612"/>
          <a:ext cx="10273079" cy="2057400"/>
        </p:xfrm>
        <a:graphic>
          <a:graphicData uri="http://schemas.openxmlformats.org/drawingml/2006/table">
            <a:tbl>
              <a:tblPr firstRow="1" bandRow="1">
                <a:tableStyleId>{EB344D84-9AFB-497E-A393-DC336BA19D2E}</a:tableStyleId>
              </a:tblPr>
              <a:tblGrid>
                <a:gridCol w="609769"/>
                <a:gridCol w="2487706"/>
                <a:gridCol w="1075764"/>
                <a:gridCol w="997305"/>
                <a:gridCol w="804601"/>
                <a:gridCol w="4297934"/>
              </a:tblGrid>
              <a:tr h="482245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0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Item</a:t>
                      </a:r>
                      <a:endParaRPr lang="en-US" sz="1600" b="0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Project</a:t>
                      </a:r>
                      <a:r>
                        <a:rPr lang="en-US" sz="1600" b="0" kern="1200" baseline="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 Name</a:t>
                      </a:r>
                      <a:endParaRPr lang="en-US" sz="1600" b="0" kern="1200" dirty="0" smtClean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  <a:p>
                      <a:endParaRPr lang="en-US" sz="16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0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Start</a:t>
                      </a:r>
                      <a:r>
                        <a:rPr lang="en-US" sz="1600" b="0" kern="1200" baseline="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 Date</a:t>
                      </a:r>
                      <a:endParaRPr lang="en-US" sz="1600" b="0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0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End Date</a:t>
                      </a:r>
                      <a:endParaRPr lang="en-US" sz="1600" b="0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</a:rPr>
                        <a:t>Status</a:t>
                      </a:r>
                      <a:endParaRPr lang="en-US" sz="16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</a:rPr>
                        <a:t>Comment</a:t>
                      </a:r>
                      <a:endParaRPr lang="en-US" sz="16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1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2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3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4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6" name="Rounded Rectangle 5"/>
          <p:cNvSpPr/>
          <p:nvPr/>
        </p:nvSpPr>
        <p:spPr>
          <a:xfrm>
            <a:off x="6488635" y="3074696"/>
            <a:ext cx="349623" cy="242047"/>
          </a:xfrm>
          <a:prstGeom prst="roundRect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ounded Rectangle 6"/>
          <p:cNvSpPr/>
          <p:nvPr/>
        </p:nvSpPr>
        <p:spPr>
          <a:xfrm>
            <a:off x="6488635" y="3451852"/>
            <a:ext cx="349623" cy="242047"/>
          </a:xfrm>
          <a:prstGeom prst="roundRect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ounded Rectangle 8"/>
          <p:cNvSpPr/>
          <p:nvPr/>
        </p:nvSpPr>
        <p:spPr>
          <a:xfrm>
            <a:off x="6488635" y="3792021"/>
            <a:ext cx="349623" cy="242047"/>
          </a:xfrm>
          <a:prstGeom prst="round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ounded Rectangle 9"/>
          <p:cNvSpPr/>
          <p:nvPr/>
        </p:nvSpPr>
        <p:spPr>
          <a:xfrm>
            <a:off x="6488635" y="4147750"/>
            <a:ext cx="349623" cy="242047"/>
          </a:xfrm>
          <a:prstGeom prst="round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/>
          <p:cNvSpPr/>
          <p:nvPr/>
        </p:nvSpPr>
        <p:spPr>
          <a:xfrm>
            <a:off x="1178690" y="5459484"/>
            <a:ext cx="990600" cy="32004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</a:ln>
          <a:effectLst>
            <a:outerShdw blurRad="50800" dist="25400" dir="2700000" algn="tl" rotWithShape="0">
              <a:prstClr val="black">
                <a:alpha val="40000"/>
              </a:prstClr>
            </a:outerShdw>
          </a:effectLst>
        </p:spPr>
        <p:txBody>
          <a:bodyPr lIns="0" tIns="0" rIns="0" bIns="0" rtlCol="0" anchor="ctr" anchorCtr="1"/>
          <a:lstStyle/>
          <a:p>
            <a:r>
              <a:rPr lang="en-US" sz="1600" b="1" kern="0" dirty="0" smtClean="0">
                <a:solidFill>
                  <a:sysClr val="window" lastClr="FFFFFF"/>
                </a:solidFill>
                <a:latin typeface="+mj-lt"/>
                <a:cs typeface="Helvetica" pitchFamily="34" charset="0"/>
              </a:rPr>
              <a:t>Complete</a:t>
            </a:r>
            <a:endParaRPr lang="en-US" sz="1600" b="1" kern="0" dirty="0">
              <a:solidFill>
                <a:sysClr val="window" lastClr="FFFFFF"/>
              </a:solidFill>
              <a:latin typeface="+mj-lt"/>
              <a:cs typeface="Helvetica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2245490" y="5459484"/>
            <a:ext cx="1066800" cy="32004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</a:ln>
          <a:effectLst>
            <a:outerShdw blurRad="50800" dist="25400" dir="2700000" algn="tl" rotWithShape="0">
              <a:prstClr val="black">
                <a:alpha val="40000"/>
              </a:prstClr>
            </a:outerShdw>
          </a:effectLst>
        </p:spPr>
        <p:txBody>
          <a:bodyPr lIns="0" tIns="0" rIns="0" bIns="0" rtlCol="0" anchor="ctr" anchorCtr="1"/>
          <a:lstStyle/>
          <a:p>
            <a:r>
              <a:rPr lang="en-US" sz="1600" b="1" kern="0" dirty="0" smtClean="0">
                <a:solidFill>
                  <a:sysClr val="window" lastClr="FFFFFF"/>
                </a:solidFill>
                <a:latin typeface="+mj-lt"/>
                <a:cs typeface="Helvetica" pitchFamily="34" charset="0"/>
              </a:rPr>
              <a:t>Incomplete</a:t>
            </a:r>
            <a:endParaRPr lang="en-US" sz="1600" b="1" kern="0" dirty="0">
              <a:solidFill>
                <a:sysClr val="window" lastClr="FFFFFF"/>
              </a:solidFill>
              <a:latin typeface="+mj-lt"/>
              <a:cs typeface="Helvetica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3404818" y="5459484"/>
            <a:ext cx="1219200" cy="32004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</a:ln>
          <a:effectLst>
            <a:outerShdw blurRad="50800" dist="25400" dir="2700000" algn="tl" rotWithShape="0">
              <a:prstClr val="black">
                <a:alpha val="40000"/>
              </a:prstClr>
            </a:outerShdw>
          </a:effectLst>
        </p:spPr>
        <p:txBody>
          <a:bodyPr lIns="0" tIns="0" rIns="0" bIns="0" rtlCol="0" anchor="ctr" anchorCtr="1"/>
          <a:lstStyle/>
          <a:p>
            <a:r>
              <a:rPr lang="en-US" sz="1600" b="1" kern="0" dirty="0" smtClean="0">
                <a:solidFill>
                  <a:sysClr val="window" lastClr="FFFFFF"/>
                </a:solidFill>
                <a:latin typeface="+mj-lt"/>
                <a:cs typeface="Helvetica" pitchFamily="34" charset="0"/>
              </a:rPr>
              <a:t>Not Started</a:t>
            </a:r>
            <a:endParaRPr lang="en-US" sz="1600" b="1" kern="0" dirty="0">
              <a:solidFill>
                <a:sysClr val="window" lastClr="FFFFFF"/>
              </a:solidFill>
              <a:latin typeface="+mj-lt"/>
              <a:cs typeface="Helvetic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9786362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5" name="Table 3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08999909"/>
              </p:ext>
            </p:extLst>
          </p:nvPr>
        </p:nvGraphicFramePr>
        <p:xfrm>
          <a:off x="534618" y="2474677"/>
          <a:ext cx="11162082" cy="2217791"/>
        </p:xfrm>
        <a:graphic>
          <a:graphicData uri="http://schemas.openxmlformats.org/drawingml/2006/table">
            <a:tbl>
              <a:tblPr firstRow="1" bandRow="1">
                <a:tableStyleId>{EB344D84-9AFB-497E-A393-DC336BA19D2E}</a:tableStyleId>
              </a:tblPr>
              <a:tblGrid>
                <a:gridCol w="608382"/>
                <a:gridCol w="2781300"/>
                <a:gridCol w="1016000"/>
                <a:gridCol w="685506"/>
                <a:gridCol w="540951"/>
                <a:gridCol w="580572"/>
                <a:gridCol w="537028"/>
                <a:gridCol w="580572"/>
                <a:gridCol w="529771"/>
                <a:gridCol w="529771"/>
                <a:gridCol w="587829"/>
                <a:gridCol w="500743"/>
                <a:gridCol w="580571"/>
                <a:gridCol w="580572"/>
                <a:gridCol w="522514"/>
              </a:tblGrid>
              <a:tr h="373751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0" kern="1200" dirty="0" smtClean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Item</a:t>
                      </a:r>
                      <a:endParaRPr lang="en-US" sz="1600" b="0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kern="1200" dirty="0" smtClean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Project</a:t>
                      </a:r>
                      <a:r>
                        <a:rPr lang="en-US" sz="1600" b="0" kern="1200" baseline="0" dirty="0" smtClean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 Name</a:t>
                      </a:r>
                      <a:endParaRPr lang="en-US" sz="1600" b="0" kern="1200" dirty="0" smtClean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End Date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Jan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Feb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Mar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Apr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May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Jun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Jul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Aug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Sep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Oct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Nov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0" dirty="0" smtClean="0">
                          <a:solidFill>
                            <a:schemeClr val="bg1"/>
                          </a:solidFill>
                          <a:latin typeface="+mj-lt"/>
                        </a:rPr>
                        <a:t>Dec</a:t>
                      </a:r>
                      <a:endParaRPr lang="en-US" sz="1600" b="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ysDot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2060"/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1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2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3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  <a:tr h="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4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0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en-US" sz="1600" b="1" kern="1200" dirty="0" smtClean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j-lt"/>
                          <a:ea typeface="+mn-ea"/>
                          <a:cs typeface="+mn-cs"/>
                        </a:rPr>
                        <a:t>5</a:t>
                      </a:r>
                      <a:endParaRPr lang="en-US" sz="16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endParaRPr lang="en-US" sz="1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50000"/>
                        </a:schemeClr>
                      </a:solidFill>
                      <a:prstDash val="sys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</a:tr>
            </a:tbl>
          </a:graphicData>
        </a:graphic>
      </p:graphicFrame>
      <p:sp>
        <p:nvSpPr>
          <p:cNvPr id="36" name="Rounded Rectangle 35"/>
          <p:cNvSpPr/>
          <p:nvPr/>
        </p:nvSpPr>
        <p:spPr>
          <a:xfrm>
            <a:off x="5051502" y="2967654"/>
            <a:ext cx="2225599" cy="126000"/>
          </a:xfrm>
          <a:prstGeom prst="round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Rounded Rectangle 36"/>
          <p:cNvSpPr/>
          <p:nvPr/>
        </p:nvSpPr>
        <p:spPr>
          <a:xfrm>
            <a:off x="6172201" y="3332719"/>
            <a:ext cx="1701800" cy="126000"/>
          </a:xfrm>
          <a:prstGeom prst="round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Rounded Rectangle 37"/>
          <p:cNvSpPr/>
          <p:nvPr/>
        </p:nvSpPr>
        <p:spPr>
          <a:xfrm>
            <a:off x="7861300" y="3722900"/>
            <a:ext cx="546100" cy="126000"/>
          </a:xfrm>
          <a:prstGeom prst="round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Rounded Rectangle 38"/>
          <p:cNvSpPr/>
          <p:nvPr/>
        </p:nvSpPr>
        <p:spPr>
          <a:xfrm>
            <a:off x="8394701" y="4092908"/>
            <a:ext cx="1130300" cy="126000"/>
          </a:xfrm>
          <a:prstGeom prst="round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Rounded Rectangle 39"/>
          <p:cNvSpPr/>
          <p:nvPr/>
        </p:nvSpPr>
        <p:spPr>
          <a:xfrm>
            <a:off x="4940300" y="2967654"/>
            <a:ext cx="1790700" cy="126000"/>
          </a:xfrm>
          <a:prstGeom prst="roundRect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Rounded Rectangle 40"/>
          <p:cNvSpPr/>
          <p:nvPr/>
        </p:nvSpPr>
        <p:spPr>
          <a:xfrm>
            <a:off x="6175982" y="3332305"/>
            <a:ext cx="1093976" cy="125722"/>
          </a:xfrm>
          <a:prstGeom prst="roundRect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Rectangle 41"/>
          <p:cNvSpPr/>
          <p:nvPr/>
        </p:nvSpPr>
        <p:spPr>
          <a:xfrm>
            <a:off x="521918" y="4969628"/>
            <a:ext cx="1357682" cy="255516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</a:ln>
          <a:effectLst>
            <a:outerShdw blurRad="50800" dist="25400" dir="2700000" algn="tl" rotWithShape="0">
              <a:prstClr val="black">
                <a:alpha val="40000"/>
              </a:prstClr>
            </a:outerShdw>
          </a:effectLst>
        </p:spPr>
        <p:txBody>
          <a:bodyPr lIns="0" tIns="0" rIns="0" bIns="0" rtlCol="0" anchor="ctr" anchorCtr="1"/>
          <a:lstStyle/>
          <a:p>
            <a:r>
              <a:rPr lang="en-US" sz="1600" b="1" kern="0" dirty="0" smtClean="0">
                <a:solidFill>
                  <a:sysClr val="window" lastClr="FFFFFF"/>
                </a:solidFill>
                <a:latin typeface="+mj-lt"/>
                <a:cs typeface="Helvetica" pitchFamily="34" charset="0"/>
              </a:rPr>
              <a:t>Complete</a:t>
            </a:r>
            <a:endParaRPr lang="en-US" sz="1600" b="1" kern="0" dirty="0">
              <a:solidFill>
                <a:sysClr val="window" lastClr="FFFFFF"/>
              </a:solidFill>
              <a:latin typeface="+mj-lt"/>
              <a:cs typeface="Helvetica" pitchFamily="34" charset="0"/>
            </a:endParaRPr>
          </a:p>
        </p:txBody>
      </p:sp>
      <p:sp>
        <p:nvSpPr>
          <p:cNvPr id="43" name="Rectangle 42"/>
          <p:cNvSpPr/>
          <p:nvPr/>
        </p:nvSpPr>
        <p:spPr>
          <a:xfrm>
            <a:off x="521918" y="5332485"/>
            <a:ext cx="1357682" cy="255516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</a:ln>
          <a:effectLst>
            <a:outerShdw blurRad="50800" dist="25400" dir="2700000" algn="tl" rotWithShape="0">
              <a:prstClr val="black">
                <a:alpha val="40000"/>
              </a:prstClr>
            </a:outerShdw>
          </a:effectLst>
        </p:spPr>
        <p:txBody>
          <a:bodyPr lIns="0" tIns="0" rIns="0" bIns="0" rtlCol="0" anchor="ctr" anchorCtr="1"/>
          <a:lstStyle/>
          <a:p>
            <a:r>
              <a:rPr lang="en-US" sz="1600" b="1" kern="0" dirty="0">
                <a:solidFill>
                  <a:sysClr val="window" lastClr="FFFFFF"/>
                </a:solidFill>
                <a:latin typeface="+mj-lt"/>
                <a:cs typeface="Helvetica" pitchFamily="34" charset="0"/>
              </a:rPr>
              <a:t>I</a:t>
            </a:r>
            <a:r>
              <a:rPr lang="en-US" sz="1600" b="1" kern="0" dirty="0" smtClean="0">
                <a:solidFill>
                  <a:sysClr val="window" lastClr="FFFFFF"/>
                </a:solidFill>
                <a:latin typeface="+mj-lt"/>
                <a:cs typeface="Helvetica" pitchFamily="34" charset="0"/>
              </a:rPr>
              <a:t>ncomplete</a:t>
            </a:r>
            <a:endParaRPr lang="en-US" sz="1600" b="1" kern="0" dirty="0">
              <a:solidFill>
                <a:sysClr val="window" lastClr="FFFFFF"/>
              </a:solidFill>
              <a:latin typeface="+mj-lt"/>
              <a:cs typeface="Helvetica" pitchFamily="34" charset="0"/>
            </a:endParaRPr>
          </a:p>
        </p:txBody>
      </p:sp>
      <p:sp>
        <p:nvSpPr>
          <p:cNvPr id="44" name="Rectangle 43"/>
          <p:cNvSpPr/>
          <p:nvPr/>
        </p:nvSpPr>
        <p:spPr>
          <a:xfrm>
            <a:off x="521918" y="5695342"/>
            <a:ext cx="1357682" cy="255516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</a:ln>
          <a:effectLst>
            <a:outerShdw blurRad="50800" dist="25400" dir="2700000" algn="tl" rotWithShape="0">
              <a:prstClr val="black">
                <a:alpha val="40000"/>
              </a:prstClr>
            </a:outerShdw>
          </a:effectLst>
        </p:spPr>
        <p:txBody>
          <a:bodyPr lIns="0" tIns="0" rIns="0" bIns="0" rtlCol="0" anchor="ctr" anchorCtr="1"/>
          <a:lstStyle/>
          <a:p>
            <a:r>
              <a:rPr lang="en-US" sz="1600" b="1" kern="0" dirty="0" smtClean="0">
                <a:solidFill>
                  <a:sysClr val="window" lastClr="FFFFFF"/>
                </a:solidFill>
                <a:latin typeface="+mj-lt"/>
                <a:cs typeface="Helvetica" pitchFamily="34" charset="0"/>
              </a:rPr>
              <a:t>Not started</a:t>
            </a:r>
            <a:endParaRPr lang="en-US" sz="1600" b="1" kern="0" dirty="0">
              <a:solidFill>
                <a:sysClr val="window" lastClr="FFFFFF"/>
              </a:solidFill>
              <a:latin typeface="+mj-lt"/>
              <a:cs typeface="Helvetica" pitchFamily="34" charset="0"/>
            </a:endParaRPr>
          </a:p>
        </p:txBody>
      </p:sp>
      <p:sp>
        <p:nvSpPr>
          <p:cNvPr id="45" name="Rounded Rectangle 44"/>
          <p:cNvSpPr/>
          <p:nvPr/>
        </p:nvSpPr>
        <p:spPr>
          <a:xfrm>
            <a:off x="8928099" y="4445336"/>
            <a:ext cx="2768601" cy="126000"/>
          </a:xfrm>
          <a:prstGeom prst="roundRect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47958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7" name="OTLSHAPE_T_147dd56e603a4378a03684c9f3b20607_RightVerticalConnector2"/>
          <p:cNvCxnSpPr/>
          <p:nvPr>
            <p:custDataLst>
              <p:tags r:id="rId1"/>
            </p:custDataLst>
          </p:nvPr>
        </p:nvCxnSpPr>
        <p:spPr>
          <a:xfrm>
            <a:off x="4426064" y="3403600"/>
            <a:ext cx="0" cy="127000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_aed7d9d5b7004b0ab68526317f713a6d_LeftVerticalConnector3"/>
          <p:cNvCxnSpPr/>
          <p:nvPr>
            <p:custDataLst>
              <p:tags r:id="rId2"/>
            </p:custDataLst>
          </p:nvPr>
        </p:nvCxnSpPr>
        <p:spPr>
          <a:xfrm>
            <a:off x="717739" y="1901867"/>
            <a:ext cx="0" cy="36000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9" name="OTLSHAPE_T_3d7141d24a834bad8cd1947f9d35e148_Shape"/>
          <p:cNvSpPr/>
          <p:nvPr>
            <p:custDataLst>
              <p:tags r:id="rId3"/>
            </p:custDataLst>
          </p:nvPr>
        </p:nvSpPr>
        <p:spPr>
          <a:xfrm>
            <a:off x="719052" y="2679769"/>
            <a:ext cx="825500" cy="151200"/>
          </a:xfrm>
          <a:prstGeom prst="roundRect">
            <a:avLst/>
          </a:prstGeom>
          <a:solidFill>
            <a:srgbClr val="0070C0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T_9587430413804c4581d0eddf912f3bd3_Shape"/>
          <p:cNvSpPr/>
          <p:nvPr>
            <p:custDataLst>
              <p:tags r:id="rId4"/>
            </p:custDataLst>
          </p:nvPr>
        </p:nvSpPr>
        <p:spPr>
          <a:xfrm>
            <a:off x="1532206" y="2870200"/>
            <a:ext cx="1233395" cy="151200"/>
          </a:xfrm>
          <a:prstGeom prst="roundRect">
            <a:avLst/>
          </a:prstGeom>
          <a:solidFill>
            <a:srgbClr val="0070C0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T_ccf29c59dbf547ee890670a27d843c78_Shape"/>
          <p:cNvSpPr/>
          <p:nvPr>
            <p:custDataLst>
              <p:tags r:id="rId5"/>
            </p:custDataLst>
          </p:nvPr>
        </p:nvSpPr>
        <p:spPr>
          <a:xfrm>
            <a:off x="2768836" y="3060700"/>
            <a:ext cx="825500" cy="151200"/>
          </a:xfrm>
          <a:prstGeom prst="roundRect">
            <a:avLst/>
          </a:prstGeom>
          <a:solidFill>
            <a:srgbClr val="0070C0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T_a36ef714ab6c4cbeb7243ada1f4fadbc_Shape"/>
          <p:cNvSpPr/>
          <p:nvPr>
            <p:custDataLst>
              <p:tags r:id="rId6"/>
            </p:custDataLst>
          </p:nvPr>
        </p:nvSpPr>
        <p:spPr>
          <a:xfrm>
            <a:off x="3591100" y="3251200"/>
            <a:ext cx="825500" cy="151200"/>
          </a:xfrm>
          <a:prstGeom prst="roundRect">
            <a:avLst/>
          </a:prstGeom>
          <a:solidFill>
            <a:srgbClr val="0070C0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T_112cd752812d4845832a333d76e71d9c_Shape"/>
          <p:cNvSpPr/>
          <p:nvPr>
            <p:custDataLst>
              <p:tags r:id="rId7"/>
            </p:custDataLst>
          </p:nvPr>
        </p:nvSpPr>
        <p:spPr>
          <a:xfrm>
            <a:off x="4429300" y="3403600"/>
            <a:ext cx="3724214" cy="195219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en-US" sz="1200" b="1" spc="-6" dirty="0">
                <a:solidFill>
                  <a:prstClr val="white"/>
                </a:solidFill>
                <a:latin typeface="Calibri Light" panose="020F0302020204030204" pitchFamily="34" charset="0"/>
              </a:rPr>
              <a:t>Project Phase </a:t>
            </a:r>
            <a:r>
              <a:rPr lang="en-US" sz="1200" b="1" spc="-6" dirty="0" smtClean="0">
                <a:solidFill>
                  <a:prstClr val="white"/>
                </a:solidFill>
                <a:latin typeface="Calibri Light" panose="020F0302020204030204" pitchFamily="34" charset="0"/>
              </a:rPr>
              <a:t>2</a:t>
            </a:r>
            <a:endParaRPr lang="en-US" sz="1200" b="1" spc="-6" dirty="0">
              <a:solidFill>
                <a:prstClr val="white"/>
              </a:solidFill>
              <a:latin typeface="Calibri Light" panose="020F0302020204030204" pitchFamily="34" charset="0"/>
            </a:endParaRPr>
          </a:p>
        </p:txBody>
      </p:sp>
      <p:sp>
        <p:nvSpPr>
          <p:cNvPr id="234" name="OTLSHAPE_T_a36ef714ab6c4cbeb7243ada1f4fadbc_Shape"/>
          <p:cNvSpPr/>
          <p:nvPr>
            <p:custDataLst>
              <p:tags r:id="rId8"/>
            </p:custDataLst>
          </p:nvPr>
        </p:nvSpPr>
        <p:spPr>
          <a:xfrm>
            <a:off x="4429300" y="3888299"/>
            <a:ext cx="727090" cy="151200"/>
          </a:xfrm>
          <a:prstGeom prst="roundRect">
            <a:avLst/>
          </a:prstGeom>
          <a:solidFill>
            <a:srgbClr val="00B050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T_a36ef714ab6c4cbeb7243ada1f4fadbc_Shape"/>
          <p:cNvSpPr/>
          <p:nvPr>
            <p:custDataLst>
              <p:tags r:id="rId9"/>
            </p:custDataLst>
          </p:nvPr>
        </p:nvSpPr>
        <p:spPr>
          <a:xfrm>
            <a:off x="5178615" y="4070644"/>
            <a:ext cx="1286531" cy="151200"/>
          </a:xfrm>
          <a:prstGeom prst="roundRect">
            <a:avLst/>
          </a:prstGeom>
          <a:solidFill>
            <a:srgbClr val="00B050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T_a36ef714ab6c4cbeb7243ada1f4fadbc_Shape"/>
          <p:cNvSpPr/>
          <p:nvPr>
            <p:custDataLst>
              <p:tags r:id="rId10"/>
            </p:custDataLst>
          </p:nvPr>
        </p:nvSpPr>
        <p:spPr>
          <a:xfrm>
            <a:off x="6484195" y="4241283"/>
            <a:ext cx="1665425" cy="151200"/>
          </a:xfrm>
          <a:prstGeom prst="roundRect">
            <a:avLst/>
          </a:prstGeom>
          <a:solidFill>
            <a:srgbClr val="00B050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T_147dd56e603a4378a03684c9f3b20607_Shape"/>
          <p:cNvSpPr/>
          <p:nvPr>
            <p:custDataLst>
              <p:tags r:id="rId11"/>
            </p:custDataLst>
          </p:nvPr>
        </p:nvSpPr>
        <p:spPr>
          <a:xfrm>
            <a:off x="713177" y="2246451"/>
            <a:ext cx="3708400" cy="220524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spc="-6" dirty="0" smtClean="0">
                <a:solidFill>
                  <a:schemeClr val="lt1"/>
                </a:solidFill>
                <a:latin typeface="Calibri Light" panose="020F0302020204030204" pitchFamily="34" charset="0"/>
              </a:rPr>
              <a:t>Project Phase 1</a:t>
            </a:r>
            <a:endParaRPr lang="en-US" sz="1200" b="1" spc="-6" dirty="0">
              <a:solidFill>
                <a:schemeClr val="lt1"/>
              </a:solidFill>
              <a:latin typeface="Calibri Light" panose="020F0302020204030204" pitchFamily="34" charset="0"/>
            </a:endParaRPr>
          </a:p>
        </p:txBody>
      </p:sp>
      <p:sp>
        <p:nvSpPr>
          <p:cNvPr id="238" name="OTLSHAPE_T_112cd752812d4845832a333d76e71d9c_Shape"/>
          <p:cNvSpPr/>
          <p:nvPr>
            <p:custDataLst>
              <p:tags r:id="rId12"/>
            </p:custDataLst>
          </p:nvPr>
        </p:nvSpPr>
        <p:spPr>
          <a:xfrm>
            <a:off x="8163758" y="4481383"/>
            <a:ext cx="3106167" cy="201040"/>
          </a:xfrm>
          <a:prstGeom prst="rect">
            <a:avLst/>
          </a:prstGeom>
          <a:solidFill>
            <a:srgbClr val="9F11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en-US" sz="1200" b="1" spc="-6" dirty="0">
                <a:solidFill>
                  <a:prstClr val="white"/>
                </a:solidFill>
                <a:latin typeface="Calibri Light" panose="020F0302020204030204" pitchFamily="34" charset="0"/>
              </a:rPr>
              <a:t>Project Phase 3</a:t>
            </a:r>
          </a:p>
        </p:txBody>
      </p:sp>
      <p:sp>
        <p:nvSpPr>
          <p:cNvPr id="239" name="OTLSHAPE_T_a36ef714ab6c4cbeb7243ada1f4fadbc_Shape"/>
          <p:cNvSpPr/>
          <p:nvPr>
            <p:custDataLst>
              <p:tags r:id="rId13"/>
            </p:custDataLst>
          </p:nvPr>
        </p:nvSpPr>
        <p:spPr>
          <a:xfrm>
            <a:off x="8162899" y="4903915"/>
            <a:ext cx="1665425" cy="151200"/>
          </a:xfrm>
          <a:prstGeom prst="roundRect">
            <a:avLst/>
          </a:prstGeom>
          <a:solidFill>
            <a:srgbClr val="9F1151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T_a36ef714ab6c4cbeb7243ada1f4fadbc_Shape"/>
          <p:cNvSpPr/>
          <p:nvPr>
            <p:custDataLst>
              <p:tags r:id="rId14"/>
            </p:custDataLst>
          </p:nvPr>
        </p:nvSpPr>
        <p:spPr>
          <a:xfrm>
            <a:off x="9841884" y="5086260"/>
            <a:ext cx="1429365" cy="151200"/>
          </a:xfrm>
          <a:prstGeom prst="roundRect">
            <a:avLst/>
          </a:prstGeom>
          <a:solidFill>
            <a:srgbClr val="9F1151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1" name="OTLSHAPE_T_aed7d9d5b7004b0ab68526317f713a6d_LeftVerticalConnector3"/>
          <p:cNvCxnSpPr/>
          <p:nvPr>
            <p:custDataLst>
              <p:tags r:id="rId15"/>
            </p:custDataLst>
          </p:nvPr>
        </p:nvCxnSpPr>
        <p:spPr>
          <a:xfrm>
            <a:off x="4409066" y="1901867"/>
            <a:ext cx="0" cy="36000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T_aed7d9d5b7004b0ab68526317f713a6d_LeftVerticalConnector3"/>
          <p:cNvCxnSpPr/>
          <p:nvPr>
            <p:custDataLst>
              <p:tags r:id="rId16"/>
            </p:custDataLst>
          </p:nvPr>
        </p:nvCxnSpPr>
        <p:spPr>
          <a:xfrm>
            <a:off x="8149620" y="1901867"/>
            <a:ext cx="0" cy="36000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43" name="Group 242"/>
          <p:cNvGrpSpPr/>
          <p:nvPr/>
        </p:nvGrpSpPr>
        <p:grpSpPr>
          <a:xfrm>
            <a:off x="722150" y="5303699"/>
            <a:ext cx="10549099" cy="309425"/>
            <a:chOff x="868201" y="4732200"/>
            <a:chExt cx="7404100" cy="254000"/>
          </a:xfrm>
        </p:grpSpPr>
        <p:sp>
          <p:nvSpPr>
            <p:cNvPr id="244" name="OTLSHAPE_TB_00000000000000000000000000000000_ScaleContainer"/>
            <p:cNvSpPr/>
            <p:nvPr>
              <p:custDataLst>
                <p:tags r:id="rId19"/>
              </p:custDataLst>
            </p:nvPr>
          </p:nvSpPr>
          <p:spPr>
            <a:xfrm>
              <a:off x="868201" y="4732200"/>
              <a:ext cx="7404100" cy="254000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5" name="OTLSHAPE_TB_00000000000000000000000000000000_TimescaleInterval1"/>
            <p:cNvSpPr txBox="1"/>
            <p:nvPr>
              <p:custDataLst>
                <p:tags r:id="rId20"/>
              </p:custDataLst>
            </p:nvPr>
          </p:nvSpPr>
          <p:spPr>
            <a:xfrm>
              <a:off x="1076771" y="4789435"/>
              <a:ext cx="23083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Jan 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sp>
          <p:nvSpPr>
            <p:cNvPr id="246" name="OTLSHAPE_TB_00000000000000000000000000000000_TimescaleInterval1"/>
            <p:cNvSpPr txBox="1"/>
            <p:nvPr>
              <p:custDataLst>
                <p:tags r:id="rId21"/>
              </p:custDataLst>
            </p:nvPr>
          </p:nvSpPr>
          <p:spPr>
            <a:xfrm>
              <a:off x="1718904" y="4778238"/>
              <a:ext cx="230832" cy="16192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Feb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sp>
          <p:nvSpPr>
            <p:cNvPr id="247" name="OTLSHAPE_TB_00000000000000000000000000000000_TimescaleInterval1"/>
            <p:cNvSpPr txBox="1"/>
            <p:nvPr>
              <p:custDataLst>
                <p:tags r:id="rId22"/>
              </p:custDataLst>
            </p:nvPr>
          </p:nvSpPr>
          <p:spPr>
            <a:xfrm>
              <a:off x="2361037" y="4783990"/>
              <a:ext cx="230832" cy="15042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Mar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sp>
          <p:nvSpPr>
            <p:cNvPr id="248" name="OTLSHAPE_TB_00000000000000000000000000000000_TimescaleInterval1"/>
            <p:cNvSpPr txBox="1"/>
            <p:nvPr>
              <p:custDataLst>
                <p:tags r:id="rId23"/>
              </p:custDataLst>
            </p:nvPr>
          </p:nvSpPr>
          <p:spPr>
            <a:xfrm>
              <a:off x="3003170" y="4783990"/>
              <a:ext cx="127551" cy="15042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Apr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sp>
          <p:nvSpPr>
            <p:cNvPr id="249" name="OTLSHAPE_TB_00000000000000000000000000000000_TimescaleInterval1"/>
            <p:cNvSpPr txBox="1"/>
            <p:nvPr>
              <p:custDataLst>
                <p:tags r:id="rId24"/>
              </p:custDataLst>
            </p:nvPr>
          </p:nvSpPr>
          <p:spPr>
            <a:xfrm>
              <a:off x="3542022" y="4789435"/>
              <a:ext cx="23083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May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sp>
          <p:nvSpPr>
            <p:cNvPr id="250" name="OTLSHAPE_TB_00000000000000000000000000000000_TimescaleInterval1"/>
            <p:cNvSpPr txBox="1"/>
            <p:nvPr>
              <p:custDataLst>
                <p:tags r:id="rId25"/>
              </p:custDataLst>
            </p:nvPr>
          </p:nvSpPr>
          <p:spPr>
            <a:xfrm>
              <a:off x="4184155" y="4789435"/>
              <a:ext cx="23083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Jun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sp>
          <p:nvSpPr>
            <p:cNvPr id="251" name="OTLSHAPE_TB_00000000000000000000000000000000_TimescaleInterval1"/>
            <p:cNvSpPr txBox="1"/>
            <p:nvPr>
              <p:custDataLst>
                <p:tags r:id="rId26"/>
              </p:custDataLst>
            </p:nvPr>
          </p:nvSpPr>
          <p:spPr>
            <a:xfrm>
              <a:off x="4826288" y="4789435"/>
              <a:ext cx="23083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Jul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sp>
          <p:nvSpPr>
            <p:cNvPr id="252" name="OTLSHAPE_TB_00000000000000000000000000000000_TimescaleInterval1"/>
            <p:cNvSpPr txBox="1"/>
            <p:nvPr>
              <p:custDataLst>
                <p:tags r:id="rId27"/>
              </p:custDataLst>
            </p:nvPr>
          </p:nvSpPr>
          <p:spPr>
            <a:xfrm flipH="1">
              <a:off x="5468421" y="4780455"/>
              <a:ext cx="106645" cy="15749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Aug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sp>
          <p:nvSpPr>
            <p:cNvPr id="253" name="OTLSHAPE_TB_00000000000000000000000000000000_TimescaleInterval1"/>
            <p:cNvSpPr txBox="1"/>
            <p:nvPr>
              <p:custDataLst>
                <p:tags r:id="rId28"/>
              </p:custDataLst>
            </p:nvPr>
          </p:nvSpPr>
          <p:spPr>
            <a:xfrm>
              <a:off x="5986367" y="4797372"/>
              <a:ext cx="230832" cy="12365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Sep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sp>
          <p:nvSpPr>
            <p:cNvPr id="254" name="OTLSHAPE_TB_00000000000000000000000000000000_TimescaleInterval1"/>
            <p:cNvSpPr txBox="1"/>
            <p:nvPr>
              <p:custDataLst>
                <p:tags r:id="rId29"/>
              </p:custDataLst>
            </p:nvPr>
          </p:nvSpPr>
          <p:spPr>
            <a:xfrm>
              <a:off x="6628500" y="4789435"/>
              <a:ext cx="23083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Oct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sp>
          <p:nvSpPr>
            <p:cNvPr id="255" name="OTLSHAPE_TB_00000000000000000000000000000000_TimescaleInterval1"/>
            <p:cNvSpPr txBox="1"/>
            <p:nvPr>
              <p:custDataLst>
                <p:tags r:id="rId30"/>
              </p:custDataLst>
            </p:nvPr>
          </p:nvSpPr>
          <p:spPr>
            <a:xfrm>
              <a:off x="7270633" y="4789435"/>
              <a:ext cx="23083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Nov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sp>
          <p:nvSpPr>
            <p:cNvPr id="256" name="OTLSHAPE_TB_00000000000000000000000000000000_TimescaleInterval1"/>
            <p:cNvSpPr txBox="1"/>
            <p:nvPr>
              <p:custDataLst>
                <p:tags r:id="rId31"/>
              </p:custDataLst>
            </p:nvPr>
          </p:nvSpPr>
          <p:spPr>
            <a:xfrm>
              <a:off x="7912771" y="4789435"/>
              <a:ext cx="23083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000" dirty="0" smtClean="0">
                  <a:solidFill>
                    <a:schemeClr val="lt1"/>
                  </a:solidFill>
                  <a:latin typeface="+mj-lt"/>
                </a:rPr>
                <a:t>Dec</a:t>
              </a:r>
              <a:endParaRPr lang="en-US" sz="1000" dirty="0">
                <a:solidFill>
                  <a:schemeClr val="lt1"/>
                </a:solidFill>
                <a:latin typeface="+mj-lt"/>
              </a:endParaRPr>
            </a:p>
          </p:txBody>
        </p:sp>
        <p:cxnSp>
          <p:nvCxnSpPr>
            <p:cNvPr id="257" name="OTLSHAPE_T_aed7d9d5b7004b0ab68526317f713a6d_LeftVerticalConnector3"/>
            <p:cNvCxnSpPr/>
            <p:nvPr>
              <p:custDataLst>
                <p:tags r:id="rId32"/>
              </p:custDataLst>
            </p:nvPr>
          </p:nvCxnSpPr>
          <p:spPr>
            <a:xfrm>
              <a:off x="1427552" y="4768419"/>
              <a:ext cx="0" cy="18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8" name="OTLSHAPE_T_aed7d9d5b7004b0ab68526317f713a6d_LeftVerticalConnector3"/>
            <p:cNvCxnSpPr/>
            <p:nvPr>
              <p:custDataLst>
                <p:tags r:id="rId33"/>
              </p:custDataLst>
            </p:nvPr>
          </p:nvCxnSpPr>
          <p:spPr>
            <a:xfrm>
              <a:off x="2050740" y="4768419"/>
              <a:ext cx="0" cy="18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9" name="OTLSHAPE_T_aed7d9d5b7004b0ab68526317f713a6d_LeftVerticalConnector3"/>
            <p:cNvCxnSpPr/>
            <p:nvPr>
              <p:custDataLst>
                <p:tags r:id="rId34"/>
              </p:custDataLst>
            </p:nvPr>
          </p:nvCxnSpPr>
          <p:spPr>
            <a:xfrm>
              <a:off x="2673928" y="4768419"/>
              <a:ext cx="0" cy="18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0" name="OTLSHAPE_T_aed7d9d5b7004b0ab68526317f713a6d_LeftVerticalConnector3"/>
            <p:cNvCxnSpPr/>
            <p:nvPr>
              <p:custDataLst>
                <p:tags r:id="rId35"/>
              </p:custDataLst>
            </p:nvPr>
          </p:nvCxnSpPr>
          <p:spPr>
            <a:xfrm>
              <a:off x="3297116" y="4768419"/>
              <a:ext cx="0" cy="18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1" name="OTLSHAPE_T_aed7d9d5b7004b0ab68526317f713a6d_LeftVerticalConnector3"/>
            <p:cNvCxnSpPr/>
            <p:nvPr>
              <p:custDataLst>
                <p:tags r:id="rId36"/>
              </p:custDataLst>
            </p:nvPr>
          </p:nvCxnSpPr>
          <p:spPr>
            <a:xfrm>
              <a:off x="3920304" y="4768419"/>
              <a:ext cx="0" cy="18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2" name="OTLSHAPE_T_aed7d9d5b7004b0ab68526317f713a6d_LeftVerticalConnector3"/>
            <p:cNvCxnSpPr/>
            <p:nvPr>
              <p:custDataLst>
                <p:tags r:id="rId37"/>
              </p:custDataLst>
            </p:nvPr>
          </p:nvCxnSpPr>
          <p:spPr>
            <a:xfrm>
              <a:off x="4543492" y="4768419"/>
              <a:ext cx="0" cy="18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3" name="OTLSHAPE_T_aed7d9d5b7004b0ab68526317f713a6d_LeftVerticalConnector3"/>
            <p:cNvCxnSpPr/>
            <p:nvPr>
              <p:custDataLst>
                <p:tags r:id="rId38"/>
              </p:custDataLst>
            </p:nvPr>
          </p:nvCxnSpPr>
          <p:spPr>
            <a:xfrm>
              <a:off x="5166680" y="4768419"/>
              <a:ext cx="0" cy="18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4" name="OTLSHAPE_T_aed7d9d5b7004b0ab68526317f713a6d_LeftVerticalConnector3"/>
            <p:cNvCxnSpPr/>
            <p:nvPr>
              <p:custDataLst>
                <p:tags r:id="rId39"/>
              </p:custDataLst>
            </p:nvPr>
          </p:nvCxnSpPr>
          <p:spPr>
            <a:xfrm>
              <a:off x="5789868" y="4768419"/>
              <a:ext cx="0" cy="18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5" name="OTLSHAPE_T_aed7d9d5b7004b0ab68526317f713a6d_LeftVerticalConnector3"/>
            <p:cNvCxnSpPr/>
            <p:nvPr>
              <p:custDataLst>
                <p:tags r:id="rId40"/>
              </p:custDataLst>
            </p:nvPr>
          </p:nvCxnSpPr>
          <p:spPr>
            <a:xfrm>
              <a:off x="6413056" y="4768419"/>
              <a:ext cx="0" cy="18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6" name="OTLSHAPE_T_aed7d9d5b7004b0ab68526317f713a6d_LeftVerticalConnector3"/>
            <p:cNvCxnSpPr/>
            <p:nvPr>
              <p:custDataLst>
                <p:tags r:id="rId41"/>
              </p:custDataLst>
            </p:nvPr>
          </p:nvCxnSpPr>
          <p:spPr>
            <a:xfrm>
              <a:off x="7036244" y="4768419"/>
              <a:ext cx="0" cy="18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7" name="OTLSHAPE_T_aed7d9d5b7004b0ab68526317f713a6d_LeftVerticalConnector3"/>
            <p:cNvCxnSpPr/>
            <p:nvPr>
              <p:custDataLst>
                <p:tags r:id="rId42"/>
              </p:custDataLst>
            </p:nvPr>
          </p:nvCxnSpPr>
          <p:spPr>
            <a:xfrm>
              <a:off x="7659432" y="4768419"/>
              <a:ext cx="0" cy="18000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68" name="Group 267"/>
          <p:cNvGrpSpPr/>
          <p:nvPr/>
        </p:nvGrpSpPr>
        <p:grpSpPr>
          <a:xfrm>
            <a:off x="730439" y="5644269"/>
            <a:ext cx="10540810" cy="181029"/>
            <a:chOff x="889189" y="5085470"/>
            <a:chExt cx="7369711" cy="144000"/>
          </a:xfrm>
        </p:grpSpPr>
        <p:sp>
          <p:nvSpPr>
            <p:cNvPr id="269" name="Rectangle 268"/>
            <p:cNvSpPr/>
            <p:nvPr/>
          </p:nvSpPr>
          <p:spPr>
            <a:xfrm>
              <a:off x="889189" y="5085470"/>
              <a:ext cx="1794264" cy="14400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j-lt"/>
                </a:rPr>
                <a:t>Q1</a:t>
              </a:r>
              <a:endPara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endParaRPr>
            </a:p>
          </p:txBody>
        </p:sp>
        <p:sp>
          <p:nvSpPr>
            <p:cNvPr id="270" name="Rectangle 269"/>
            <p:cNvSpPr/>
            <p:nvPr/>
          </p:nvSpPr>
          <p:spPr>
            <a:xfrm>
              <a:off x="2696193" y="5085470"/>
              <a:ext cx="1858101" cy="144000"/>
            </a:xfrm>
            <a:prstGeom prst="rect">
              <a:avLst/>
            </a:prstGeom>
            <a:solidFill>
              <a:schemeClr val="bg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j-lt"/>
                </a:rPr>
                <a:t>Q2</a:t>
              </a:r>
              <a:endPara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endParaRPr>
            </a:p>
          </p:txBody>
        </p:sp>
        <p:sp>
          <p:nvSpPr>
            <p:cNvPr id="271" name="Rectangle 270"/>
            <p:cNvSpPr/>
            <p:nvPr/>
          </p:nvSpPr>
          <p:spPr>
            <a:xfrm>
              <a:off x="4567034" y="5085470"/>
              <a:ext cx="1842805" cy="144000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j-lt"/>
                </a:rPr>
                <a:t>Q3</a:t>
              </a:r>
              <a:endPara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endParaRPr>
            </a:p>
          </p:txBody>
        </p:sp>
        <p:sp>
          <p:nvSpPr>
            <p:cNvPr id="272" name="Rectangle 271"/>
            <p:cNvSpPr/>
            <p:nvPr/>
          </p:nvSpPr>
          <p:spPr>
            <a:xfrm>
              <a:off x="6422580" y="5085470"/>
              <a:ext cx="1836320" cy="144000"/>
            </a:xfrm>
            <a:prstGeom prst="rect">
              <a:avLst/>
            </a:prstGeom>
            <a:solidFill>
              <a:schemeClr val="bg2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j-lt"/>
                </a:rPr>
                <a:t>Q4</a:t>
              </a:r>
              <a:endPara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endParaRPr>
            </a:p>
          </p:txBody>
        </p:sp>
      </p:grpSp>
      <p:cxnSp>
        <p:nvCxnSpPr>
          <p:cNvPr id="273" name="OTLSHAPE_T_aed7d9d5b7004b0ab68526317f713a6d_LeftVerticalConnector3"/>
          <p:cNvCxnSpPr/>
          <p:nvPr>
            <p:custDataLst>
              <p:tags r:id="rId17"/>
            </p:custDataLst>
          </p:nvPr>
        </p:nvCxnSpPr>
        <p:spPr>
          <a:xfrm>
            <a:off x="715400" y="1902561"/>
            <a:ext cx="10548000" cy="0"/>
          </a:xfrm>
          <a:prstGeom prst="line">
            <a:avLst/>
          </a:prstGeom>
          <a:ln w="7620" cap="flat" cmpd="sng" algn="ctr">
            <a:solidFill>
              <a:schemeClr val="bg1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_aed7d9d5b7004b0ab68526317f713a6d_LeftVerticalConnector3"/>
          <p:cNvCxnSpPr/>
          <p:nvPr>
            <p:custDataLst>
              <p:tags r:id="rId18"/>
            </p:custDataLst>
          </p:nvPr>
        </p:nvCxnSpPr>
        <p:spPr>
          <a:xfrm>
            <a:off x="11273819" y="1901867"/>
            <a:ext cx="0" cy="36000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457459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1" name="Group 20"/>
          <p:cNvGrpSpPr/>
          <p:nvPr/>
        </p:nvGrpSpPr>
        <p:grpSpPr>
          <a:xfrm>
            <a:off x="474089" y="1984893"/>
            <a:ext cx="11275225" cy="3906998"/>
            <a:chOff x="357975" y="1748129"/>
            <a:chExt cx="11275225" cy="3906998"/>
          </a:xfrm>
        </p:grpSpPr>
        <p:sp>
          <p:nvSpPr>
            <p:cNvPr id="4" name="OTLSHAPE_T_147dd56e603a4378a03684c9f3b20607_Shape"/>
            <p:cNvSpPr/>
            <p:nvPr>
              <p:custDataLst>
                <p:tags r:id="rId1"/>
              </p:custDataLst>
            </p:nvPr>
          </p:nvSpPr>
          <p:spPr>
            <a:xfrm>
              <a:off x="357975" y="1846604"/>
              <a:ext cx="3726295" cy="591796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600" spc="-6" dirty="0" smtClean="0">
                  <a:solidFill>
                    <a:schemeClr val="lt1"/>
                  </a:solidFill>
                </a:rPr>
                <a:t>Project 1 </a:t>
              </a:r>
              <a:endParaRPr lang="en-US" sz="1600" spc="-6" dirty="0">
                <a:solidFill>
                  <a:schemeClr val="lt1"/>
                </a:solidFill>
              </a:endParaRPr>
            </a:p>
          </p:txBody>
        </p:sp>
        <p:sp>
          <p:nvSpPr>
            <p:cNvPr id="5" name="OTLSHAPE_T_147dd56e603a4378a03684c9f3b20607_Shape"/>
            <p:cNvSpPr/>
            <p:nvPr>
              <p:custDataLst>
                <p:tags r:id="rId2"/>
              </p:custDataLst>
            </p:nvPr>
          </p:nvSpPr>
          <p:spPr>
            <a:xfrm>
              <a:off x="4132440" y="1846604"/>
              <a:ext cx="3726295" cy="591796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600" spc="-6" dirty="0" smtClean="0">
                  <a:solidFill>
                    <a:schemeClr val="lt1"/>
                  </a:solidFill>
                </a:rPr>
                <a:t>Project 2</a:t>
              </a:r>
              <a:endParaRPr lang="en-US" sz="1600" spc="-6" dirty="0">
                <a:solidFill>
                  <a:schemeClr val="lt1"/>
                </a:solidFill>
              </a:endParaRPr>
            </a:p>
          </p:txBody>
        </p:sp>
        <p:sp>
          <p:nvSpPr>
            <p:cNvPr id="6" name="OTLSHAPE_T_147dd56e603a4378a03684c9f3b20607_Shape"/>
            <p:cNvSpPr/>
            <p:nvPr>
              <p:custDataLst>
                <p:tags r:id="rId3"/>
              </p:custDataLst>
            </p:nvPr>
          </p:nvSpPr>
          <p:spPr>
            <a:xfrm>
              <a:off x="7906905" y="1846604"/>
              <a:ext cx="3726295" cy="591796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600" spc="-6" dirty="0" smtClean="0">
                  <a:solidFill>
                    <a:schemeClr val="lt1"/>
                  </a:solidFill>
                  <a:latin typeface="Calibri" panose="020F0502020204030204" pitchFamily="34" charset="0"/>
                </a:rPr>
                <a:t>Project 3</a:t>
              </a:r>
              <a:endParaRPr lang="en-US" sz="1600" spc="-6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" name="OTLSHAPE_T_147dd56e603a4378a03684c9f3b20607_Shape"/>
            <p:cNvSpPr/>
            <p:nvPr>
              <p:custDataLst>
                <p:tags r:id="rId4"/>
              </p:custDataLst>
            </p:nvPr>
          </p:nvSpPr>
          <p:spPr>
            <a:xfrm>
              <a:off x="367556" y="2480128"/>
              <a:ext cx="3726295" cy="317499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b="1" spc="-6" dirty="0">
                <a:solidFill>
                  <a:schemeClr val="lt1"/>
                </a:solidFill>
                <a:latin typeface="Calibri Light" panose="020F0302020204030204" pitchFamily="34" charset="0"/>
              </a:endParaRPr>
            </a:p>
          </p:txBody>
        </p:sp>
        <p:sp>
          <p:nvSpPr>
            <p:cNvPr id="12" name="OTLSHAPE_T_147dd56e603a4378a03684c9f3b20607_Shape"/>
            <p:cNvSpPr/>
            <p:nvPr>
              <p:custDataLst>
                <p:tags r:id="rId5"/>
              </p:custDataLst>
            </p:nvPr>
          </p:nvSpPr>
          <p:spPr>
            <a:xfrm>
              <a:off x="4132440" y="2480128"/>
              <a:ext cx="3726295" cy="317499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b="1" spc="-6" dirty="0">
                <a:solidFill>
                  <a:schemeClr val="lt1"/>
                </a:solidFill>
                <a:latin typeface="Calibri Light" panose="020F0302020204030204" pitchFamily="34" charset="0"/>
              </a:endParaRPr>
            </a:p>
          </p:txBody>
        </p:sp>
        <p:sp>
          <p:nvSpPr>
            <p:cNvPr id="13" name="OTLSHAPE_T_147dd56e603a4378a03684c9f3b20607_Shape"/>
            <p:cNvSpPr/>
            <p:nvPr>
              <p:custDataLst>
                <p:tags r:id="rId6"/>
              </p:custDataLst>
            </p:nvPr>
          </p:nvSpPr>
          <p:spPr>
            <a:xfrm>
              <a:off x="7906905" y="2480128"/>
              <a:ext cx="3726295" cy="317499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b="1" spc="-6" dirty="0">
                <a:solidFill>
                  <a:schemeClr val="lt1"/>
                </a:solidFill>
                <a:latin typeface="Calibri Light" panose="020F0302020204030204" pitchFamily="34" charset="0"/>
              </a:endParaRPr>
            </a:p>
          </p:txBody>
        </p:sp>
        <p:sp>
          <p:nvSpPr>
            <p:cNvPr id="17" name="OTLSHAPE_T_147dd56e603a4378a03684c9f3b20607_Shape"/>
            <p:cNvSpPr/>
            <p:nvPr>
              <p:custDataLst>
                <p:tags r:id="rId7"/>
              </p:custDataLst>
            </p:nvPr>
          </p:nvSpPr>
          <p:spPr>
            <a:xfrm>
              <a:off x="357975" y="1748129"/>
              <a:ext cx="3726295" cy="108000"/>
            </a:xfrm>
            <a:prstGeom prst="rect">
              <a:avLst/>
            </a:prstGeom>
            <a:solidFill>
              <a:srgbClr val="19EB6E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b="1" spc="-6" dirty="0">
                <a:solidFill>
                  <a:schemeClr val="lt1"/>
                </a:solidFill>
                <a:latin typeface="Calibri Light" panose="020F0302020204030204" pitchFamily="34" charset="0"/>
              </a:endParaRPr>
            </a:p>
          </p:txBody>
        </p:sp>
        <p:sp>
          <p:nvSpPr>
            <p:cNvPr id="18" name="OTLSHAPE_T_147dd56e603a4378a03684c9f3b20607_Shape"/>
            <p:cNvSpPr/>
            <p:nvPr>
              <p:custDataLst>
                <p:tags r:id="rId8"/>
              </p:custDataLst>
            </p:nvPr>
          </p:nvSpPr>
          <p:spPr>
            <a:xfrm>
              <a:off x="4132440" y="1748129"/>
              <a:ext cx="3726295" cy="108000"/>
            </a:xfrm>
            <a:prstGeom prst="rect">
              <a:avLst/>
            </a:prstGeom>
            <a:solidFill>
              <a:srgbClr val="FFCF37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b="1" spc="-6" dirty="0">
                <a:solidFill>
                  <a:schemeClr val="lt1"/>
                </a:solidFill>
                <a:latin typeface="Calibri Light" panose="020F0302020204030204" pitchFamily="34" charset="0"/>
              </a:endParaRPr>
            </a:p>
          </p:txBody>
        </p:sp>
        <p:sp>
          <p:nvSpPr>
            <p:cNvPr id="19" name="OTLSHAPE_T_147dd56e603a4378a03684c9f3b20607_Shape"/>
            <p:cNvSpPr/>
            <p:nvPr>
              <p:custDataLst>
                <p:tags r:id="rId9"/>
              </p:custDataLst>
            </p:nvPr>
          </p:nvSpPr>
          <p:spPr>
            <a:xfrm>
              <a:off x="7906905" y="1748129"/>
              <a:ext cx="3726295" cy="108000"/>
            </a:xfrm>
            <a:prstGeom prst="rect">
              <a:avLst/>
            </a:prstGeom>
            <a:solidFill>
              <a:srgbClr val="CC3399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b="1" spc="-6" dirty="0">
                <a:solidFill>
                  <a:schemeClr val="lt1"/>
                </a:solidFill>
                <a:latin typeface="Calibri Light" panose="020F0302020204030204" pitchFamily="34" charset="0"/>
              </a:endParaRPr>
            </a:p>
          </p:txBody>
        </p:sp>
      </p:grpSp>
      <p:grpSp>
        <p:nvGrpSpPr>
          <p:cNvPr id="14" name="Group 13"/>
          <p:cNvGrpSpPr/>
          <p:nvPr/>
        </p:nvGrpSpPr>
        <p:grpSpPr>
          <a:xfrm>
            <a:off x="842766" y="3129158"/>
            <a:ext cx="2034521" cy="1058632"/>
            <a:chOff x="1443690" y="1981312"/>
            <a:chExt cx="2034521" cy="520181"/>
          </a:xfrm>
        </p:grpSpPr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xmlns="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 smtClean="0">
                  <a:solidFill>
                    <a:srgbClr val="0FB552"/>
                  </a:solidFill>
                </a:rPr>
                <a:t>Project 1 Title</a:t>
              </a:r>
              <a:endParaRPr lang="en-ZA" dirty="0">
                <a:solidFill>
                  <a:srgbClr val="0FB552"/>
                </a:solidFill>
              </a:endParaRP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xmlns="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21172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Describe this project, milestone or </a:t>
              </a:r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schedule here</a:t>
              </a:r>
              <a:endParaRPr lang="en-ZA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23" name="Group 22"/>
          <p:cNvGrpSpPr/>
          <p:nvPr/>
        </p:nvGrpSpPr>
        <p:grpSpPr>
          <a:xfrm>
            <a:off x="4741666" y="3129158"/>
            <a:ext cx="2034521" cy="1058632"/>
            <a:chOff x="1443690" y="1981312"/>
            <a:chExt cx="2034521" cy="520181"/>
          </a:xfrm>
        </p:grpSpPr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xmlns="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13610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 smtClean="0">
                  <a:solidFill>
                    <a:srgbClr val="FFCC00"/>
                  </a:solidFill>
                </a:rPr>
                <a:t>Project 1 Title</a:t>
              </a:r>
              <a:endParaRPr lang="en-ZA" dirty="0">
                <a:solidFill>
                  <a:srgbClr val="FFCC00"/>
                </a:solidFill>
              </a:endParaRP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xmlns="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21172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Describe this project, milestone or </a:t>
              </a:r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schedule here</a:t>
              </a:r>
              <a:endParaRPr lang="en-ZA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26" name="Group 25"/>
          <p:cNvGrpSpPr/>
          <p:nvPr/>
        </p:nvGrpSpPr>
        <p:grpSpPr>
          <a:xfrm>
            <a:off x="8716766" y="3129158"/>
            <a:ext cx="2034521" cy="1058632"/>
            <a:chOff x="1443690" y="1981312"/>
            <a:chExt cx="2034521" cy="520181"/>
          </a:xfrm>
        </p:grpSpPr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xmlns="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13610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 smtClean="0">
                  <a:solidFill>
                    <a:srgbClr val="CC3399"/>
                  </a:solidFill>
                </a:rPr>
                <a:t>Project 1 Title</a:t>
              </a:r>
              <a:endParaRPr lang="en-ZA" dirty="0">
                <a:solidFill>
                  <a:srgbClr val="CC3399"/>
                </a:solidFill>
              </a:endParaRPr>
            </a:p>
          </p:txBody>
        </p: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xmlns="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21172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Describe this project, milestone or </a:t>
              </a:r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schedule here</a:t>
              </a:r>
              <a:endParaRPr lang="en-ZA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213151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/>
          <p:cNvGrpSpPr/>
          <p:nvPr/>
        </p:nvGrpSpPr>
        <p:grpSpPr>
          <a:xfrm flipH="1">
            <a:off x="708590" y="1740811"/>
            <a:ext cx="8851896" cy="4534261"/>
            <a:chOff x="3267516" y="2544201"/>
            <a:chExt cx="7627739" cy="3761710"/>
          </a:xfrm>
        </p:grpSpPr>
        <p:sp>
          <p:nvSpPr>
            <p:cNvPr id="5" name="Freeform: Shape 92">
              <a:extLst>
                <a:ext uri="{FF2B5EF4-FFF2-40B4-BE49-F238E27FC236}">
                  <a16:creationId xmlns="" xmlns:a16="http://schemas.microsoft.com/office/drawing/2014/main" id="{99FB06DA-796B-4CB0-A8C3-9D073207252C}"/>
                </a:ext>
              </a:extLst>
            </p:cNvPr>
            <p:cNvSpPr>
              <a:spLocks/>
            </p:cNvSpPr>
            <p:nvPr/>
          </p:nvSpPr>
          <p:spPr bwMode="auto">
            <a:xfrm>
              <a:off x="7464075" y="5249607"/>
              <a:ext cx="3431180" cy="1056304"/>
            </a:xfrm>
            <a:custGeom>
              <a:avLst/>
              <a:gdLst>
                <a:gd name="connsiteX0" fmla="*/ 0 w 3431180"/>
                <a:gd name="connsiteY0" fmla="*/ 0 h 1056304"/>
                <a:gd name="connsiteX1" fmla="*/ 1254602 w 3431180"/>
                <a:gd name="connsiteY1" fmla="*/ 0 h 1056304"/>
                <a:gd name="connsiteX2" fmla="*/ 1758828 w 3431180"/>
                <a:gd name="connsiteY2" fmla="*/ 244685 h 1056304"/>
                <a:gd name="connsiteX3" fmla="*/ 1758828 w 3431180"/>
                <a:gd name="connsiteY3" fmla="*/ 244353 h 1056304"/>
                <a:gd name="connsiteX4" fmla="*/ 3431180 w 3431180"/>
                <a:gd name="connsiteY4" fmla="*/ 1056304 h 1056304"/>
                <a:gd name="connsiteX5" fmla="*/ 878250 w 3431180"/>
                <a:gd name="connsiteY5" fmla="*/ 1056304 h 1056304"/>
                <a:gd name="connsiteX6" fmla="*/ 878248 w 3431180"/>
                <a:gd name="connsiteY6" fmla="*/ 1056303 h 1056304"/>
                <a:gd name="connsiteX7" fmla="*/ 234666 w 3431180"/>
                <a:gd name="connsiteY7" fmla="*/ 1056303 h 1056304"/>
                <a:gd name="connsiteX0" fmla="*/ 0 w 3431180"/>
                <a:gd name="connsiteY0" fmla="*/ 0 h 1056304"/>
                <a:gd name="connsiteX1" fmla="*/ 1254602 w 3431180"/>
                <a:gd name="connsiteY1" fmla="*/ 0 h 1056304"/>
                <a:gd name="connsiteX2" fmla="*/ 1758828 w 3431180"/>
                <a:gd name="connsiteY2" fmla="*/ 244685 h 1056304"/>
                <a:gd name="connsiteX3" fmla="*/ 3431180 w 3431180"/>
                <a:gd name="connsiteY3" fmla="*/ 1056304 h 1056304"/>
                <a:gd name="connsiteX4" fmla="*/ 878250 w 3431180"/>
                <a:gd name="connsiteY4" fmla="*/ 1056304 h 1056304"/>
                <a:gd name="connsiteX5" fmla="*/ 878248 w 3431180"/>
                <a:gd name="connsiteY5" fmla="*/ 1056303 h 1056304"/>
                <a:gd name="connsiteX6" fmla="*/ 234666 w 3431180"/>
                <a:gd name="connsiteY6" fmla="*/ 1056303 h 1056304"/>
                <a:gd name="connsiteX7" fmla="*/ 0 w 3431180"/>
                <a:gd name="connsiteY7" fmla="*/ 0 h 1056304"/>
                <a:gd name="connsiteX0" fmla="*/ 0 w 3431180"/>
                <a:gd name="connsiteY0" fmla="*/ 0 h 1056304"/>
                <a:gd name="connsiteX1" fmla="*/ 1254602 w 3431180"/>
                <a:gd name="connsiteY1" fmla="*/ 0 h 1056304"/>
                <a:gd name="connsiteX2" fmla="*/ 3431180 w 3431180"/>
                <a:gd name="connsiteY2" fmla="*/ 1056304 h 1056304"/>
                <a:gd name="connsiteX3" fmla="*/ 878250 w 3431180"/>
                <a:gd name="connsiteY3" fmla="*/ 1056304 h 1056304"/>
                <a:gd name="connsiteX4" fmla="*/ 878248 w 3431180"/>
                <a:gd name="connsiteY4" fmla="*/ 1056303 h 1056304"/>
                <a:gd name="connsiteX5" fmla="*/ 234666 w 3431180"/>
                <a:gd name="connsiteY5" fmla="*/ 1056303 h 1056304"/>
                <a:gd name="connsiteX6" fmla="*/ 0 w 3431180"/>
                <a:gd name="connsiteY6" fmla="*/ 0 h 10563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431180" h="1056304">
                  <a:moveTo>
                    <a:pt x="0" y="0"/>
                  </a:moveTo>
                  <a:lnTo>
                    <a:pt x="1254602" y="0"/>
                  </a:lnTo>
                  <a:lnTo>
                    <a:pt x="3431180" y="1056304"/>
                  </a:lnTo>
                  <a:lnTo>
                    <a:pt x="878250" y="1056304"/>
                  </a:lnTo>
                  <a:cubicBezTo>
                    <a:pt x="878249" y="1056304"/>
                    <a:pt x="878249" y="1056303"/>
                    <a:pt x="878248" y="1056303"/>
                  </a:cubicBezTo>
                  <a:lnTo>
                    <a:pt x="234666" y="1056303"/>
                  </a:lnTo>
                  <a:lnTo>
                    <a:pt x="0" y="0"/>
                  </a:lnTo>
                  <a:close/>
                </a:path>
              </a:pathLst>
            </a:custGeom>
            <a:gradFill flip="none" rotWithShape="1">
              <a:gsLst>
                <a:gs pos="10000">
                  <a:srgbClr val="7030A0"/>
                </a:gs>
                <a:gs pos="100000">
                  <a:srgbClr val="00B0F0"/>
                </a:gs>
              </a:gsLst>
              <a:lin ang="13500000" scaled="1"/>
              <a:tileRect/>
            </a:gra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US"/>
            </a:p>
          </p:txBody>
        </p:sp>
        <p:sp>
          <p:nvSpPr>
            <p:cNvPr id="6" name="Freeform 24">
              <a:extLst>
                <a:ext uri="{FF2B5EF4-FFF2-40B4-BE49-F238E27FC236}">
                  <a16:creationId xmlns="" xmlns:a16="http://schemas.microsoft.com/office/drawing/2014/main" id="{001AF96E-5AAC-44C4-A205-88F0F7BDA9A7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1106" y="3496272"/>
              <a:ext cx="2109462" cy="1680964"/>
            </a:xfrm>
            <a:custGeom>
              <a:avLst/>
              <a:gdLst>
                <a:gd name="T0" fmla="*/ 2009 w 3380"/>
                <a:gd name="T1" fmla="*/ 1204 h 2594"/>
                <a:gd name="T2" fmla="*/ 3380 w 3380"/>
                <a:gd name="T3" fmla="*/ 1204 h 2594"/>
                <a:gd name="T4" fmla="*/ 892 w 3380"/>
                <a:gd name="T5" fmla="*/ 0 h 2594"/>
                <a:gd name="T6" fmla="*/ 0 w 3380"/>
                <a:gd name="T7" fmla="*/ 0 h 2594"/>
                <a:gd name="T8" fmla="*/ 187 w 3380"/>
                <a:gd name="T9" fmla="*/ 845 h 2594"/>
                <a:gd name="T10" fmla="*/ 2319 w 3380"/>
                <a:gd name="T11" fmla="*/ 2594 h 2594"/>
                <a:gd name="T12" fmla="*/ 2009 w 3380"/>
                <a:gd name="T13" fmla="*/ 1204 h 25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80" h="2594">
                  <a:moveTo>
                    <a:pt x="2009" y="1204"/>
                  </a:moveTo>
                  <a:lnTo>
                    <a:pt x="3380" y="1204"/>
                  </a:lnTo>
                  <a:lnTo>
                    <a:pt x="892" y="0"/>
                  </a:lnTo>
                  <a:lnTo>
                    <a:pt x="0" y="0"/>
                  </a:lnTo>
                  <a:lnTo>
                    <a:pt x="187" y="845"/>
                  </a:lnTo>
                  <a:lnTo>
                    <a:pt x="2319" y="2594"/>
                  </a:lnTo>
                  <a:lnTo>
                    <a:pt x="2009" y="1204"/>
                  </a:lnTo>
                  <a:close/>
                </a:path>
              </a:pathLst>
            </a:custGeom>
            <a:gradFill>
              <a:gsLst>
                <a:gs pos="36000">
                  <a:srgbClr val="00C894"/>
                </a:gs>
                <a:gs pos="89000">
                  <a:srgbClr val="00E266"/>
                </a:gs>
              </a:gsLst>
              <a:lin ang="13500000" scaled="1"/>
            </a:gra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" name="Freeform 25">
              <a:extLst>
                <a:ext uri="{FF2B5EF4-FFF2-40B4-BE49-F238E27FC236}">
                  <a16:creationId xmlns="" xmlns:a16="http://schemas.microsoft.com/office/drawing/2014/main" id="{CFC976EF-3896-483E-BB45-7B6BFE3812D7}"/>
                </a:ext>
              </a:extLst>
            </p:cNvPr>
            <p:cNvSpPr>
              <a:spLocks/>
            </p:cNvSpPr>
            <p:nvPr/>
          </p:nvSpPr>
          <p:spPr bwMode="auto">
            <a:xfrm>
              <a:off x="3267516" y="2653261"/>
              <a:ext cx="1761829" cy="1322492"/>
            </a:xfrm>
            <a:custGeom>
              <a:avLst/>
              <a:gdLst>
                <a:gd name="T0" fmla="*/ 1611 w 2358"/>
                <a:gd name="T1" fmla="*/ 930 h 1769"/>
                <a:gd name="T2" fmla="*/ 2358 w 2358"/>
                <a:gd name="T3" fmla="*/ 930 h 1769"/>
                <a:gd name="T4" fmla="*/ 482 w 2358"/>
                <a:gd name="T5" fmla="*/ 22 h 1769"/>
                <a:gd name="T6" fmla="*/ 0 w 2358"/>
                <a:gd name="T7" fmla="*/ 0 h 1769"/>
                <a:gd name="T8" fmla="*/ 187 w 2358"/>
                <a:gd name="T9" fmla="*/ 448 h 1769"/>
                <a:gd name="T10" fmla="*/ 1798 w 2358"/>
                <a:gd name="T11" fmla="*/ 1769 h 1769"/>
                <a:gd name="T12" fmla="*/ 1611 w 2358"/>
                <a:gd name="T13" fmla="*/ 930 h 17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358" h="1769">
                  <a:moveTo>
                    <a:pt x="1611" y="930"/>
                  </a:moveTo>
                  <a:lnTo>
                    <a:pt x="2358" y="930"/>
                  </a:lnTo>
                  <a:lnTo>
                    <a:pt x="482" y="22"/>
                  </a:lnTo>
                  <a:lnTo>
                    <a:pt x="0" y="0"/>
                  </a:lnTo>
                  <a:lnTo>
                    <a:pt x="187" y="448"/>
                  </a:lnTo>
                  <a:lnTo>
                    <a:pt x="1798" y="1769"/>
                  </a:lnTo>
                  <a:lnTo>
                    <a:pt x="1611" y="930"/>
                  </a:lnTo>
                  <a:close/>
                </a:path>
              </a:pathLst>
            </a:custGeom>
            <a:gradFill>
              <a:gsLst>
                <a:gs pos="98000">
                  <a:srgbClr val="CCFF66"/>
                </a:gs>
                <a:gs pos="22000">
                  <a:srgbClr val="00E266"/>
                </a:gs>
              </a:gsLst>
              <a:lin ang="13500000" scaled="1"/>
            </a:gra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" name="Freeform 28">
              <a:extLst>
                <a:ext uri="{FF2B5EF4-FFF2-40B4-BE49-F238E27FC236}">
                  <a16:creationId xmlns="" xmlns:a16="http://schemas.microsoft.com/office/drawing/2014/main" id="{F68EF4A7-473F-4B0C-A000-4DCA7717BB12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5419" y="4445787"/>
              <a:ext cx="2544421" cy="1767376"/>
            </a:xfrm>
            <a:custGeom>
              <a:avLst/>
              <a:gdLst>
                <a:gd name="T0" fmla="*/ 1950 w 3959"/>
                <a:gd name="T1" fmla="*/ 1182 h 3087"/>
                <a:gd name="T2" fmla="*/ 3959 w 3959"/>
                <a:gd name="T3" fmla="*/ 1182 h 3087"/>
                <a:gd name="T4" fmla="*/ 1518 w 3959"/>
                <a:gd name="T5" fmla="*/ 0 h 3087"/>
                <a:gd name="T6" fmla="*/ 0 w 3959"/>
                <a:gd name="T7" fmla="*/ 0 h 3087"/>
                <a:gd name="T8" fmla="*/ 311 w 3959"/>
                <a:gd name="T9" fmla="*/ 1395 h 3087"/>
                <a:gd name="T10" fmla="*/ 2374 w 3959"/>
                <a:gd name="T11" fmla="*/ 3087 h 3087"/>
                <a:gd name="T12" fmla="*/ 1950 w 3959"/>
                <a:gd name="T13" fmla="*/ 1182 h 30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959" h="3087">
                  <a:moveTo>
                    <a:pt x="1950" y="1182"/>
                  </a:moveTo>
                  <a:lnTo>
                    <a:pt x="3959" y="1182"/>
                  </a:lnTo>
                  <a:lnTo>
                    <a:pt x="1518" y="0"/>
                  </a:lnTo>
                  <a:lnTo>
                    <a:pt x="0" y="0"/>
                  </a:lnTo>
                  <a:lnTo>
                    <a:pt x="311" y="1395"/>
                  </a:lnTo>
                  <a:lnTo>
                    <a:pt x="2374" y="3087"/>
                  </a:lnTo>
                  <a:lnTo>
                    <a:pt x="1950" y="1182"/>
                  </a:lnTo>
                  <a:close/>
                </a:path>
              </a:pathLst>
            </a:custGeom>
            <a:gradFill>
              <a:gsLst>
                <a:gs pos="87000">
                  <a:srgbClr val="00C894"/>
                </a:gs>
                <a:gs pos="50000">
                  <a:srgbClr val="00B0F0"/>
                </a:gs>
              </a:gsLst>
              <a:lin ang="13500000" scaled="1"/>
            </a:gra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" name="Freeform 43">
              <a:extLst>
                <a:ext uri="{FF2B5EF4-FFF2-40B4-BE49-F238E27FC236}">
                  <a16:creationId xmlns="" xmlns:a16="http://schemas.microsoft.com/office/drawing/2014/main" id="{4DAA3F5B-4223-4F1F-9F83-3DFD4C0D0527}"/>
                </a:ext>
              </a:extLst>
            </p:cNvPr>
            <p:cNvSpPr>
              <a:spLocks/>
            </p:cNvSpPr>
            <p:nvPr/>
          </p:nvSpPr>
          <p:spPr bwMode="auto">
            <a:xfrm>
              <a:off x="7791410" y="5426230"/>
              <a:ext cx="710905" cy="252766"/>
            </a:xfrm>
            <a:custGeom>
              <a:avLst/>
              <a:gdLst>
                <a:gd name="T0" fmla="*/ 1664 w 1664"/>
                <a:gd name="T1" fmla="*/ 276 h 551"/>
                <a:gd name="T2" fmla="*/ 1662 w 1664"/>
                <a:gd name="T3" fmla="*/ 291 h 551"/>
                <a:gd name="T4" fmla="*/ 1654 w 1664"/>
                <a:gd name="T5" fmla="*/ 318 h 551"/>
                <a:gd name="T6" fmla="*/ 1628 w 1664"/>
                <a:gd name="T7" fmla="*/ 358 h 551"/>
                <a:gd name="T8" fmla="*/ 1565 w 1664"/>
                <a:gd name="T9" fmla="*/ 407 h 551"/>
                <a:gd name="T10" fmla="*/ 1474 w 1664"/>
                <a:gd name="T11" fmla="*/ 452 h 551"/>
                <a:gd name="T12" fmla="*/ 1362 w 1664"/>
                <a:gd name="T13" fmla="*/ 489 h 551"/>
                <a:gd name="T14" fmla="*/ 1229 w 1664"/>
                <a:gd name="T15" fmla="*/ 519 h 551"/>
                <a:gd name="T16" fmla="*/ 1079 w 1664"/>
                <a:gd name="T17" fmla="*/ 539 h 551"/>
                <a:gd name="T18" fmla="*/ 917 w 1664"/>
                <a:gd name="T19" fmla="*/ 551 h 551"/>
                <a:gd name="T20" fmla="*/ 832 w 1664"/>
                <a:gd name="T21" fmla="*/ 551 h 551"/>
                <a:gd name="T22" fmla="*/ 747 w 1664"/>
                <a:gd name="T23" fmla="*/ 551 h 551"/>
                <a:gd name="T24" fmla="*/ 584 w 1664"/>
                <a:gd name="T25" fmla="*/ 539 h 551"/>
                <a:gd name="T26" fmla="*/ 435 w 1664"/>
                <a:gd name="T27" fmla="*/ 519 h 551"/>
                <a:gd name="T28" fmla="*/ 302 w 1664"/>
                <a:gd name="T29" fmla="*/ 489 h 551"/>
                <a:gd name="T30" fmla="*/ 190 w 1664"/>
                <a:gd name="T31" fmla="*/ 452 h 551"/>
                <a:gd name="T32" fmla="*/ 99 w 1664"/>
                <a:gd name="T33" fmla="*/ 407 h 551"/>
                <a:gd name="T34" fmla="*/ 37 w 1664"/>
                <a:gd name="T35" fmla="*/ 358 h 551"/>
                <a:gd name="T36" fmla="*/ 10 w 1664"/>
                <a:gd name="T37" fmla="*/ 318 h 551"/>
                <a:gd name="T38" fmla="*/ 1 w 1664"/>
                <a:gd name="T39" fmla="*/ 291 h 551"/>
                <a:gd name="T40" fmla="*/ 0 w 1664"/>
                <a:gd name="T41" fmla="*/ 276 h 551"/>
                <a:gd name="T42" fmla="*/ 1 w 1664"/>
                <a:gd name="T43" fmla="*/ 262 h 551"/>
                <a:gd name="T44" fmla="*/ 10 w 1664"/>
                <a:gd name="T45" fmla="*/ 234 h 551"/>
                <a:gd name="T46" fmla="*/ 37 w 1664"/>
                <a:gd name="T47" fmla="*/ 194 h 551"/>
                <a:gd name="T48" fmla="*/ 99 w 1664"/>
                <a:gd name="T49" fmla="*/ 144 h 551"/>
                <a:gd name="T50" fmla="*/ 190 w 1664"/>
                <a:gd name="T51" fmla="*/ 101 h 551"/>
                <a:gd name="T52" fmla="*/ 302 w 1664"/>
                <a:gd name="T53" fmla="*/ 63 h 551"/>
                <a:gd name="T54" fmla="*/ 435 w 1664"/>
                <a:gd name="T55" fmla="*/ 33 h 551"/>
                <a:gd name="T56" fmla="*/ 584 w 1664"/>
                <a:gd name="T57" fmla="*/ 13 h 551"/>
                <a:gd name="T58" fmla="*/ 747 w 1664"/>
                <a:gd name="T59" fmla="*/ 1 h 551"/>
                <a:gd name="T60" fmla="*/ 832 w 1664"/>
                <a:gd name="T61" fmla="*/ 0 h 551"/>
                <a:gd name="T62" fmla="*/ 917 w 1664"/>
                <a:gd name="T63" fmla="*/ 1 h 551"/>
                <a:gd name="T64" fmla="*/ 1079 w 1664"/>
                <a:gd name="T65" fmla="*/ 13 h 551"/>
                <a:gd name="T66" fmla="*/ 1229 w 1664"/>
                <a:gd name="T67" fmla="*/ 33 h 551"/>
                <a:gd name="T68" fmla="*/ 1362 w 1664"/>
                <a:gd name="T69" fmla="*/ 63 h 551"/>
                <a:gd name="T70" fmla="*/ 1474 w 1664"/>
                <a:gd name="T71" fmla="*/ 101 h 551"/>
                <a:gd name="T72" fmla="*/ 1565 w 1664"/>
                <a:gd name="T73" fmla="*/ 144 h 551"/>
                <a:gd name="T74" fmla="*/ 1628 w 1664"/>
                <a:gd name="T75" fmla="*/ 194 h 551"/>
                <a:gd name="T76" fmla="*/ 1654 w 1664"/>
                <a:gd name="T77" fmla="*/ 234 h 551"/>
                <a:gd name="T78" fmla="*/ 1662 w 1664"/>
                <a:gd name="T79" fmla="*/ 262 h 551"/>
                <a:gd name="T80" fmla="*/ 1664 w 1664"/>
                <a:gd name="T81" fmla="*/ 276 h 5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1664" h="551">
                  <a:moveTo>
                    <a:pt x="1664" y="276"/>
                  </a:moveTo>
                  <a:lnTo>
                    <a:pt x="1662" y="291"/>
                  </a:lnTo>
                  <a:lnTo>
                    <a:pt x="1654" y="318"/>
                  </a:lnTo>
                  <a:lnTo>
                    <a:pt x="1628" y="358"/>
                  </a:lnTo>
                  <a:lnTo>
                    <a:pt x="1565" y="407"/>
                  </a:lnTo>
                  <a:lnTo>
                    <a:pt x="1474" y="452"/>
                  </a:lnTo>
                  <a:lnTo>
                    <a:pt x="1362" y="489"/>
                  </a:lnTo>
                  <a:lnTo>
                    <a:pt x="1229" y="519"/>
                  </a:lnTo>
                  <a:lnTo>
                    <a:pt x="1079" y="539"/>
                  </a:lnTo>
                  <a:lnTo>
                    <a:pt x="917" y="551"/>
                  </a:lnTo>
                  <a:lnTo>
                    <a:pt x="832" y="551"/>
                  </a:lnTo>
                  <a:lnTo>
                    <a:pt x="747" y="551"/>
                  </a:lnTo>
                  <a:lnTo>
                    <a:pt x="584" y="539"/>
                  </a:lnTo>
                  <a:lnTo>
                    <a:pt x="435" y="519"/>
                  </a:lnTo>
                  <a:lnTo>
                    <a:pt x="302" y="489"/>
                  </a:lnTo>
                  <a:lnTo>
                    <a:pt x="190" y="452"/>
                  </a:lnTo>
                  <a:lnTo>
                    <a:pt x="99" y="407"/>
                  </a:lnTo>
                  <a:lnTo>
                    <a:pt x="37" y="358"/>
                  </a:lnTo>
                  <a:lnTo>
                    <a:pt x="10" y="318"/>
                  </a:lnTo>
                  <a:lnTo>
                    <a:pt x="1" y="291"/>
                  </a:lnTo>
                  <a:lnTo>
                    <a:pt x="0" y="276"/>
                  </a:lnTo>
                  <a:lnTo>
                    <a:pt x="1" y="262"/>
                  </a:lnTo>
                  <a:lnTo>
                    <a:pt x="10" y="234"/>
                  </a:lnTo>
                  <a:lnTo>
                    <a:pt x="37" y="194"/>
                  </a:lnTo>
                  <a:lnTo>
                    <a:pt x="99" y="144"/>
                  </a:lnTo>
                  <a:lnTo>
                    <a:pt x="190" y="101"/>
                  </a:lnTo>
                  <a:lnTo>
                    <a:pt x="302" y="63"/>
                  </a:lnTo>
                  <a:lnTo>
                    <a:pt x="435" y="33"/>
                  </a:lnTo>
                  <a:lnTo>
                    <a:pt x="584" y="13"/>
                  </a:lnTo>
                  <a:lnTo>
                    <a:pt x="747" y="1"/>
                  </a:lnTo>
                  <a:lnTo>
                    <a:pt x="832" y="0"/>
                  </a:lnTo>
                  <a:lnTo>
                    <a:pt x="917" y="1"/>
                  </a:lnTo>
                  <a:lnTo>
                    <a:pt x="1079" y="13"/>
                  </a:lnTo>
                  <a:lnTo>
                    <a:pt x="1229" y="33"/>
                  </a:lnTo>
                  <a:lnTo>
                    <a:pt x="1362" y="63"/>
                  </a:lnTo>
                  <a:lnTo>
                    <a:pt x="1474" y="101"/>
                  </a:lnTo>
                  <a:lnTo>
                    <a:pt x="1565" y="144"/>
                  </a:lnTo>
                  <a:lnTo>
                    <a:pt x="1628" y="194"/>
                  </a:lnTo>
                  <a:lnTo>
                    <a:pt x="1654" y="234"/>
                  </a:lnTo>
                  <a:lnTo>
                    <a:pt x="1662" y="262"/>
                  </a:lnTo>
                  <a:lnTo>
                    <a:pt x="1664" y="276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" name="Freeform 154">
              <a:extLst>
                <a:ext uri="{FF2B5EF4-FFF2-40B4-BE49-F238E27FC236}">
                  <a16:creationId xmlns="" xmlns:a16="http://schemas.microsoft.com/office/drawing/2014/main" id="{44A70790-20AC-4570-9D74-776628B4D5E4}"/>
                </a:ext>
              </a:extLst>
            </p:cNvPr>
            <p:cNvSpPr>
              <a:spLocks/>
            </p:cNvSpPr>
            <p:nvPr/>
          </p:nvSpPr>
          <p:spPr bwMode="auto">
            <a:xfrm>
              <a:off x="6478016" y="4736046"/>
              <a:ext cx="646219" cy="240500"/>
            </a:xfrm>
            <a:custGeom>
              <a:avLst/>
              <a:gdLst>
                <a:gd name="T0" fmla="*/ 1444 w 1444"/>
                <a:gd name="T1" fmla="*/ 239 h 479"/>
                <a:gd name="T2" fmla="*/ 1444 w 1444"/>
                <a:gd name="T3" fmla="*/ 252 h 479"/>
                <a:gd name="T4" fmla="*/ 1436 w 1444"/>
                <a:gd name="T5" fmla="*/ 276 h 479"/>
                <a:gd name="T6" fmla="*/ 1412 w 1444"/>
                <a:gd name="T7" fmla="*/ 311 h 479"/>
                <a:gd name="T8" fmla="*/ 1357 w 1444"/>
                <a:gd name="T9" fmla="*/ 354 h 479"/>
                <a:gd name="T10" fmla="*/ 1279 w 1444"/>
                <a:gd name="T11" fmla="*/ 391 h 479"/>
                <a:gd name="T12" fmla="*/ 1182 w 1444"/>
                <a:gd name="T13" fmla="*/ 424 h 479"/>
                <a:gd name="T14" fmla="*/ 1066 w 1444"/>
                <a:gd name="T15" fmla="*/ 450 h 479"/>
                <a:gd name="T16" fmla="*/ 937 w 1444"/>
                <a:gd name="T17" fmla="*/ 467 h 479"/>
                <a:gd name="T18" fmla="*/ 796 w 1444"/>
                <a:gd name="T19" fmla="*/ 477 h 479"/>
                <a:gd name="T20" fmla="*/ 722 w 1444"/>
                <a:gd name="T21" fmla="*/ 479 h 479"/>
                <a:gd name="T22" fmla="*/ 647 w 1444"/>
                <a:gd name="T23" fmla="*/ 477 h 479"/>
                <a:gd name="T24" fmla="*/ 506 w 1444"/>
                <a:gd name="T25" fmla="*/ 467 h 479"/>
                <a:gd name="T26" fmla="*/ 377 w 1444"/>
                <a:gd name="T27" fmla="*/ 450 h 479"/>
                <a:gd name="T28" fmla="*/ 262 w 1444"/>
                <a:gd name="T29" fmla="*/ 424 h 479"/>
                <a:gd name="T30" fmla="*/ 164 w 1444"/>
                <a:gd name="T31" fmla="*/ 391 h 479"/>
                <a:gd name="T32" fmla="*/ 86 w 1444"/>
                <a:gd name="T33" fmla="*/ 354 h 479"/>
                <a:gd name="T34" fmla="*/ 31 w 1444"/>
                <a:gd name="T35" fmla="*/ 311 h 479"/>
                <a:gd name="T36" fmla="*/ 8 w 1444"/>
                <a:gd name="T37" fmla="*/ 276 h 479"/>
                <a:gd name="T38" fmla="*/ 0 w 1444"/>
                <a:gd name="T39" fmla="*/ 252 h 479"/>
                <a:gd name="T40" fmla="*/ 0 w 1444"/>
                <a:gd name="T41" fmla="*/ 239 h 479"/>
                <a:gd name="T42" fmla="*/ 0 w 1444"/>
                <a:gd name="T43" fmla="*/ 227 h 479"/>
                <a:gd name="T44" fmla="*/ 8 w 1444"/>
                <a:gd name="T45" fmla="*/ 203 h 479"/>
                <a:gd name="T46" fmla="*/ 31 w 1444"/>
                <a:gd name="T47" fmla="*/ 168 h 479"/>
                <a:gd name="T48" fmla="*/ 86 w 1444"/>
                <a:gd name="T49" fmla="*/ 125 h 479"/>
                <a:gd name="T50" fmla="*/ 164 w 1444"/>
                <a:gd name="T51" fmla="*/ 86 h 479"/>
                <a:gd name="T52" fmla="*/ 262 w 1444"/>
                <a:gd name="T53" fmla="*/ 54 h 479"/>
                <a:gd name="T54" fmla="*/ 377 w 1444"/>
                <a:gd name="T55" fmla="*/ 29 h 479"/>
                <a:gd name="T56" fmla="*/ 506 w 1444"/>
                <a:gd name="T57" fmla="*/ 10 h 479"/>
                <a:gd name="T58" fmla="*/ 647 w 1444"/>
                <a:gd name="T59" fmla="*/ 0 h 479"/>
                <a:gd name="T60" fmla="*/ 722 w 1444"/>
                <a:gd name="T61" fmla="*/ 0 h 479"/>
                <a:gd name="T62" fmla="*/ 796 w 1444"/>
                <a:gd name="T63" fmla="*/ 0 h 479"/>
                <a:gd name="T64" fmla="*/ 937 w 1444"/>
                <a:gd name="T65" fmla="*/ 10 h 479"/>
                <a:gd name="T66" fmla="*/ 1066 w 1444"/>
                <a:gd name="T67" fmla="*/ 29 h 479"/>
                <a:gd name="T68" fmla="*/ 1182 w 1444"/>
                <a:gd name="T69" fmla="*/ 54 h 479"/>
                <a:gd name="T70" fmla="*/ 1279 w 1444"/>
                <a:gd name="T71" fmla="*/ 86 h 479"/>
                <a:gd name="T72" fmla="*/ 1357 w 1444"/>
                <a:gd name="T73" fmla="*/ 125 h 479"/>
                <a:gd name="T74" fmla="*/ 1412 w 1444"/>
                <a:gd name="T75" fmla="*/ 168 h 479"/>
                <a:gd name="T76" fmla="*/ 1436 w 1444"/>
                <a:gd name="T77" fmla="*/ 203 h 479"/>
                <a:gd name="T78" fmla="*/ 1444 w 1444"/>
                <a:gd name="T79" fmla="*/ 227 h 479"/>
                <a:gd name="T80" fmla="*/ 1444 w 1444"/>
                <a:gd name="T81" fmla="*/ 239 h 4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1444" h="479">
                  <a:moveTo>
                    <a:pt x="1444" y="239"/>
                  </a:moveTo>
                  <a:lnTo>
                    <a:pt x="1444" y="252"/>
                  </a:lnTo>
                  <a:lnTo>
                    <a:pt x="1436" y="276"/>
                  </a:lnTo>
                  <a:lnTo>
                    <a:pt x="1412" y="311"/>
                  </a:lnTo>
                  <a:lnTo>
                    <a:pt x="1357" y="354"/>
                  </a:lnTo>
                  <a:lnTo>
                    <a:pt x="1279" y="391"/>
                  </a:lnTo>
                  <a:lnTo>
                    <a:pt x="1182" y="424"/>
                  </a:lnTo>
                  <a:lnTo>
                    <a:pt x="1066" y="450"/>
                  </a:lnTo>
                  <a:lnTo>
                    <a:pt x="937" y="467"/>
                  </a:lnTo>
                  <a:lnTo>
                    <a:pt x="796" y="477"/>
                  </a:lnTo>
                  <a:lnTo>
                    <a:pt x="722" y="479"/>
                  </a:lnTo>
                  <a:lnTo>
                    <a:pt x="647" y="477"/>
                  </a:lnTo>
                  <a:lnTo>
                    <a:pt x="506" y="467"/>
                  </a:lnTo>
                  <a:lnTo>
                    <a:pt x="377" y="450"/>
                  </a:lnTo>
                  <a:lnTo>
                    <a:pt x="262" y="424"/>
                  </a:lnTo>
                  <a:lnTo>
                    <a:pt x="164" y="391"/>
                  </a:lnTo>
                  <a:lnTo>
                    <a:pt x="86" y="354"/>
                  </a:lnTo>
                  <a:lnTo>
                    <a:pt x="31" y="311"/>
                  </a:lnTo>
                  <a:lnTo>
                    <a:pt x="8" y="276"/>
                  </a:lnTo>
                  <a:lnTo>
                    <a:pt x="0" y="252"/>
                  </a:lnTo>
                  <a:lnTo>
                    <a:pt x="0" y="239"/>
                  </a:lnTo>
                  <a:lnTo>
                    <a:pt x="0" y="227"/>
                  </a:lnTo>
                  <a:lnTo>
                    <a:pt x="8" y="203"/>
                  </a:lnTo>
                  <a:lnTo>
                    <a:pt x="31" y="168"/>
                  </a:lnTo>
                  <a:lnTo>
                    <a:pt x="86" y="125"/>
                  </a:lnTo>
                  <a:lnTo>
                    <a:pt x="164" y="86"/>
                  </a:lnTo>
                  <a:lnTo>
                    <a:pt x="262" y="54"/>
                  </a:lnTo>
                  <a:lnTo>
                    <a:pt x="377" y="29"/>
                  </a:lnTo>
                  <a:lnTo>
                    <a:pt x="506" y="10"/>
                  </a:lnTo>
                  <a:lnTo>
                    <a:pt x="647" y="0"/>
                  </a:lnTo>
                  <a:lnTo>
                    <a:pt x="722" y="0"/>
                  </a:lnTo>
                  <a:lnTo>
                    <a:pt x="796" y="0"/>
                  </a:lnTo>
                  <a:lnTo>
                    <a:pt x="937" y="10"/>
                  </a:lnTo>
                  <a:lnTo>
                    <a:pt x="1066" y="29"/>
                  </a:lnTo>
                  <a:lnTo>
                    <a:pt x="1182" y="54"/>
                  </a:lnTo>
                  <a:lnTo>
                    <a:pt x="1279" y="86"/>
                  </a:lnTo>
                  <a:lnTo>
                    <a:pt x="1357" y="125"/>
                  </a:lnTo>
                  <a:lnTo>
                    <a:pt x="1412" y="168"/>
                  </a:lnTo>
                  <a:lnTo>
                    <a:pt x="1436" y="203"/>
                  </a:lnTo>
                  <a:lnTo>
                    <a:pt x="1444" y="227"/>
                  </a:lnTo>
                  <a:lnTo>
                    <a:pt x="1444" y="239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" name="Freeform 266">
              <a:extLst>
                <a:ext uri="{FF2B5EF4-FFF2-40B4-BE49-F238E27FC236}">
                  <a16:creationId xmlns="" xmlns:a16="http://schemas.microsoft.com/office/drawing/2014/main" id="{E160BE90-1A77-4502-8067-AE5E465B0673}"/>
                </a:ext>
              </a:extLst>
            </p:cNvPr>
            <p:cNvSpPr>
              <a:spLocks/>
            </p:cNvSpPr>
            <p:nvPr/>
          </p:nvSpPr>
          <p:spPr bwMode="auto">
            <a:xfrm>
              <a:off x="5182131" y="3845937"/>
              <a:ext cx="472549" cy="123361"/>
            </a:xfrm>
            <a:custGeom>
              <a:avLst/>
              <a:gdLst>
                <a:gd name="T0" fmla="*/ 1148 w 1148"/>
                <a:gd name="T1" fmla="*/ 190 h 381"/>
                <a:gd name="T2" fmla="*/ 1146 w 1148"/>
                <a:gd name="T3" fmla="*/ 210 h 381"/>
                <a:gd name="T4" fmla="*/ 1123 w 1148"/>
                <a:gd name="T5" fmla="*/ 247 h 381"/>
                <a:gd name="T6" fmla="*/ 1078 w 1148"/>
                <a:gd name="T7" fmla="*/ 282 h 381"/>
                <a:gd name="T8" fmla="*/ 1017 w 1148"/>
                <a:gd name="T9" fmla="*/ 312 h 381"/>
                <a:gd name="T10" fmla="*/ 939 w 1148"/>
                <a:gd name="T11" fmla="*/ 338 h 381"/>
                <a:gd name="T12" fmla="*/ 848 w 1148"/>
                <a:gd name="T13" fmla="*/ 358 h 381"/>
                <a:gd name="T14" fmla="*/ 745 w 1148"/>
                <a:gd name="T15" fmla="*/ 373 h 381"/>
                <a:gd name="T16" fmla="*/ 632 w 1148"/>
                <a:gd name="T17" fmla="*/ 380 h 381"/>
                <a:gd name="T18" fmla="*/ 573 w 1148"/>
                <a:gd name="T19" fmla="*/ 381 h 381"/>
                <a:gd name="T20" fmla="*/ 516 w 1148"/>
                <a:gd name="T21" fmla="*/ 380 h 381"/>
                <a:gd name="T22" fmla="*/ 403 w 1148"/>
                <a:gd name="T23" fmla="*/ 373 h 381"/>
                <a:gd name="T24" fmla="*/ 300 w 1148"/>
                <a:gd name="T25" fmla="*/ 358 h 381"/>
                <a:gd name="T26" fmla="*/ 209 w 1148"/>
                <a:gd name="T27" fmla="*/ 338 h 381"/>
                <a:gd name="T28" fmla="*/ 131 w 1148"/>
                <a:gd name="T29" fmla="*/ 312 h 381"/>
                <a:gd name="T30" fmla="*/ 69 w 1148"/>
                <a:gd name="T31" fmla="*/ 282 h 381"/>
                <a:gd name="T32" fmla="*/ 25 w 1148"/>
                <a:gd name="T33" fmla="*/ 247 h 381"/>
                <a:gd name="T34" fmla="*/ 2 w 1148"/>
                <a:gd name="T35" fmla="*/ 210 h 381"/>
                <a:gd name="T36" fmla="*/ 0 w 1148"/>
                <a:gd name="T37" fmla="*/ 190 h 381"/>
                <a:gd name="T38" fmla="*/ 2 w 1148"/>
                <a:gd name="T39" fmla="*/ 171 h 381"/>
                <a:gd name="T40" fmla="*/ 25 w 1148"/>
                <a:gd name="T41" fmla="*/ 134 h 381"/>
                <a:gd name="T42" fmla="*/ 69 w 1148"/>
                <a:gd name="T43" fmla="*/ 99 h 381"/>
                <a:gd name="T44" fmla="*/ 131 w 1148"/>
                <a:gd name="T45" fmla="*/ 69 h 381"/>
                <a:gd name="T46" fmla="*/ 209 w 1148"/>
                <a:gd name="T47" fmla="*/ 43 h 381"/>
                <a:gd name="T48" fmla="*/ 300 w 1148"/>
                <a:gd name="T49" fmla="*/ 23 h 381"/>
                <a:gd name="T50" fmla="*/ 403 w 1148"/>
                <a:gd name="T51" fmla="*/ 9 h 381"/>
                <a:gd name="T52" fmla="*/ 516 w 1148"/>
                <a:gd name="T53" fmla="*/ 1 h 381"/>
                <a:gd name="T54" fmla="*/ 573 w 1148"/>
                <a:gd name="T55" fmla="*/ 0 h 381"/>
                <a:gd name="T56" fmla="*/ 632 w 1148"/>
                <a:gd name="T57" fmla="*/ 1 h 381"/>
                <a:gd name="T58" fmla="*/ 745 w 1148"/>
                <a:gd name="T59" fmla="*/ 9 h 381"/>
                <a:gd name="T60" fmla="*/ 848 w 1148"/>
                <a:gd name="T61" fmla="*/ 23 h 381"/>
                <a:gd name="T62" fmla="*/ 939 w 1148"/>
                <a:gd name="T63" fmla="*/ 43 h 381"/>
                <a:gd name="T64" fmla="*/ 1017 w 1148"/>
                <a:gd name="T65" fmla="*/ 69 h 381"/>
                <a:gd name="T66" fmla="*/ 1078 w 1148"/>
                <a:gd name="T67" fmla="*/ 99 h 381"/>
                <a:gd name="T68" fmla="*/ 1123 w 1148"/>
                <a:gd name="T69" fmla="*/ 134 h 381"/>
                <a:gd name="T70" fmla="*/ 1146 w 1148"/>
                <a:gd name="T71" fmla="*/ 171 h 381"/>
                <a:gd name="T72" fmla="*/ 1148 w 1148"/>
                <a:gd name="T73" fmla="*/ 190 h 3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1148" h="381">
                  <a:moveTo>
                    <a:pt x="1148" y="190"/>
                  </a:moveTo>
                  <a:lnTo>
                    <a:pt x="1146" y="210"/>
                  </a:lnTo>
                  <a:lnTo>
                    <a:pt x="1123" y="247"/>
                  </a:lnTo>
                  <a:lnTo>
                    <a:pt x="1078" y="282"/>
                  </a:lnTo>
                  <a:lnTo>
                    <a:pt x="1017" y="312"/>
                  </a:lnTo>
                  <a:lnTo>
                    <a:pt x="939" y="338"/>
                  </a:lnTo>
                  <a:lnTo>
                    <a:pt x="848" y="358"/>
                  </a:lnTo>
                  <a:lnTo>
                    <a:pt x="745" y="373"/>
                  </a:lnTo>
                  <a:lnTo>
                    <a:pt x="632" y="380"/>
                  </a:lnTo>
                  <a:lnTo>
                    <a:pt x="573" y="381"/>
                  </a:lnTo>
                  <a:lnTo>
                    <a:pt x="516" y="380"/>
                  </a:lnTo>
                  <a:lnTo>
                    <a:pt x="403" y="373"/>
                  </a:lnTo>
                  <a:lnTo>
                    <a:pt x="300" y="358"/>
                  </a:lnTo>
                  <a:lnTo>
                    <a:pt x="209" y="338"/>
                  </a:lnTo>
                  <a:lnTo>
                    <a:pt x="131" y="312"/>
                  </a:lnTo>
                  <a:lnTo>
                    <a:pt x="69" y="282"/>
                  </a:lnTo>
                  <a:lnTo>
                    <a:pt x="25" y="247"/>
                  </a:lnTo>
                  <a:lnTo>
                    <a:pt x="2" y="210"/>
                  </a:lnTo>
                  <a:lnTo>
                    <a:pt x="0" y="190"/>
                  </a:lnTo>
                  <a:lnTo>
                    <a:pt x="2" y="171"/>
                  </a:lnTo>
                  <a:lnTo>
                    <a:pt x="25" y="134"/>
                  </a:lnTo>
                  <a:lnTo>
                    <a:pt x="69" y="99"/>
                  </a:lnTo>
                  <a:lnTo>
                    <a:pt x="131" y="69"/>
                  </a:lnTo>
                  <a:lnTo>
                    <a:pt x="209" y="43"/>
                  </a:lnTo>
                  <a:lnTo>
                    <a:pt x="300" y="23"/>
                  </a:lnTo>
                  <a:lnTo>
                    <a:pt x="403" y="9"/>
                  </a:lnTo>
                  <a:lnTo>
                    <a:pt x="516" y="1"/>
                  </a:lnTo>
                  <a:lnTo>
                    <a:pt x="573" y="0"/>
                  </a:lnTo>
                  <a:lnTo>
                    <a:pt x="632" y="1"/>
                  </a:lnTo>
                  <a:lnTo>
                    <a:pt x="745" y="9"/>
                  </a:lnTo>
                  <a:lnTo>
                    <a:pt x="848" y="23"/>
                  </a:lnTo>
                  <a:lnTo>
                    <a:pt x="939" y="43"/>
                  </a:lnTo>
                  <a:lnTo>
                    <a:pt x="1017" y="69"/>
                  </a:lnTo>
                  <a:lnTo>
                    <a:pt x="1078" y="99"/>
                  </a:lnTo>
                  <a:lnTo>
                    <a:pt x="1123" y="134"/>
                  </a:lnTo>
                  <a:lnTo>
                    <a:pt x="1146" y="171"/>
                  </a:lnTo>
                  <a:lnTo>
                    <a:pt x="1148" y="19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" name="Freeform 377">
              <a:extLst>
                <a:ext uri="{FF2B5EF4-FFF2-40B4-BE49-F238E27FC236}">
                  <a16:creationId xmlns="" xmlns:a16="http://schemas.microsoft.com/office/drawing/2014/main" id="{567A8892-1CB0-452D-B4B1-900354821EF5}"/>
                </a:ext>
              </a:extLst>
            </p:cNvPr>
            <p:cNvSpPr>
              <a:spLocks/>
            </p:cNvSpPr>
            <p:nvPr/>
          </p:nvSpPr>
          <p:spPr bwMode="auto">
            <a:xfrm>
              <a:off x="3826516" y="3098103"/>
              <a:ext cx="377422" cy="110836"/>
            </a:xfrm>
            <a:custGeom>
              <a:avLst/>
              <a:gdLst>
                <a:gd name="T0" fmla="*/ 798 w 798"/>
                <a:gd name="T1" fmla="*/ 132 h 263"/>
                <a:gd name="T2" fmla="*/ 796 w 798"/>
                <a:gd name="T3" fmla="*/ 145 h 263"/>
                <a:gd name="T4" fmla="*/ 780 w 798"/>
                <a:gd name="T5" fmla="*/ 171 h 263"/>
                <a:gd name="T6" fmla="*/ 750 w 798"/>
                <a:gd name="T7" fmla="*/ 196 h 263"/>
                <a:gd name="T8" fmla="*/ 707 w 798"/>
                <a:gd name="T9" fmla="*/ 216 h 263"/>
                <a:gd name="T10" fmla="*/ 623 w 798"/>
                <a:gd name="T11" fmla="*/ 242 h 263"/>
                <a:gd name="T12" fmla="*/ 481 w 798"/>
                <a:gd name="T13" fmla="*/ 262 h 263"/>
                <a:gd name="T14" fmla="*/ 399 w 798"/>
                <a:gd name="T15" fmla="*/ 263 h 263"/>
                <a:gd name="T16" fmla="*/ 318 w 798"/>
                <a:gd name="T17" fmla="*/ 262 h 263"/>
                <a:gd name="T18" fmla="*/ 174 w 798"/>
                <a:gd name="T19" fmla="*/ 242 h 263"/>
                <a:gd name="T20" fmla="*/ 91 w 798"/>
                <a:gd name="T21" fmla="*/ 216 h 263"/>
                <a:gd name="T22" fmla="*/ 48 w 798"/>
                <a:gd name="T23" fmla="*/ 196 h 263"/>
                <a:gd name="T24" fmla="*/ 17 w 798"/>
                <a:gd name="T25" fmla="*/ 171 h 263"/>
                <a:gd name="T26" fmla="*/ 2 w 798"/>
                <a:gd name="T27" fmla="*/ 145 h 263"/>
                <a:gd name="T28" fmla="*/ 0 w 798"/>
                <a:gd name="T29" fmla="*/ 132 h 263"/>
                <a:gd name="T30" fmla="*/ 2 w 798"/>
                <a:gd name="T31" fmla="*/ 118 h 263"/>
                <a:gd name="T32" fmla="*/ 17 w 798"/>
                <a:gd name="T33" fmla="*/ 92 h 263"/>
                <a:gd name="T34" fmla="*/ 48 w 798"/>
                <a:gd name="T35" fmla="*/ 69 h 263"/>
                <a:gd name="T36" fmla="*/ 91 w 798"/>
                <a:gd name="T37" fmla="*/ 47 h 263"/>
                <a:gd name="T38" fmla="*/ 174 w 798"/>
                <a:gd name="T39" fmla="*/ 21 h 263"/>
                <a:gd name="T40" fmla="*/ 318 w 798"/>
                <a:gd name="T41" fmla="*/ 1 h 263"/>
                <a:gd name="T42" fmla="*/ 399 w 798"/>
                <a:gd name="T43" fmla="*/ 0 h 263"/>
                <a:gd name="T44" fmla="*/ 481 w 798"/>
                <a:gd name="T45" fmla="*/ 1 h 263"/>
                <a:gd name="T46" fmla="*/ 623 w 798"/>
                <a:gd name="T47" fmla="*/ 21 h 263"/>
                <a:gd name="T48" fmla="*/ 707 w 798"/>
                <a:gd name="T49" fmla="*/ 47 h 263"/>
                <a:gd name="T50" fmla="*/ 750 w 798"/>
                <a:gd name="T51" fmla="*/ 69 h 263"/>
                <a:gd name="T52" fmla="*/ 780 w 798"/>
                <a:gd name="T53" fmla="*/ 92 h 263"/>
                <a:gd name="T54" fmla="*/ 796 w 798"/>
                <a:gd name="T55" fmla="*/ 118 h 263"/>
                <a:gd name="T56" fmla="*/ 798 w 798"/>
                <a:gd name="T57" fmla="*/ 132 h 2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</a:cxnLst>
              <a:rect l="0" t="0" r="r" b="b"/>
              <a:pathLst>
                <a:path w="798" h="263">
                  <a:moveTo>
                    <a:pt x="798" y="132"/>
                  </a:moveTo>
                  <a:lnTo>
                    <a:pt x="796" y="145"/>
                  </a:lnTo>
                  <a:lnTo>
                    <a:pt x="780" y="171"/>
                  </a:lnTo>
                  <a:lnTo>
                    <a:pt x="750" y="196"/>
                  </a:lnTo>
                  <a:lnTo>
                    <a:pt x="707" y="216"/>
                  </a:lnTo>
                  <a:lnTo>
                    <a:pt x="623" y="242"/>
                  </a:lnTo>
                  <a:lnTo>
                    <a:pt x="481" y="262"/>
                  </a:lnTo>
                  <a:lnTo>
                    <a:pt x="399" y="263"/>
                  </a:lnTo>
                  <a:lnTo>
                    <a:pt x="318" y="262"/>
                  </a:lnTo>
                  <a:lnTo>
                    <a:pt x="174" y="242"/>
                  </a:lnTo>
                  <a:lnTo>
                    <a:pt x="91" y="216"/>
                  </a:lnTo>
                  <a:lnTo>
                    <a:pt x="48" y="196"/>
                  </a:lnTo>
                  <a:lnTo>
                    <a:pt x="17" y="171"/>
                  </a:lnTo>
                  <a:lnTo>
                    <a:pt x="2" y="145"/>
                  </a:lnTo>
                  <a:lnTo>
                    <a:pt x="0" y="132"/>
                  </a:lnTo>
                  <a:lnTo>
                    <a:pt x="2" y="118"/>
                  </a:lnTo>
                  <a:lnTo>
                    <a:pt x="17" y="92"/>
                  </a:lnTo>
                  <a:lnTo>
                    <a:pt x="48" y="69"/>
                  </a:lnTo>
                  <a:lnTo>
                    <a:pt x="91" y="47"/>
                  </a:lnTo>
                  <a:lnTo>
                    <a:pt x="174" y="21"/>
                  </a:lnTo>
                  <a:lnTo>
                    <a:pt x="318" y="1"/>
                  </a:lnTo>
                  <a:lnTo>
                    <a:pt x="399" y="0"/>
                  </a:lnTo>
                  <a:lnTo>
                    <a:pt x="481" y="1"/>
                  </a:lnTo>
                  <a:lnTo>
                    <a:pt x="623" y="21"/>
                  </a:lnTo>
                  <a:lnTo>
                    <a:pt x="707" y="47"/>
                  </a:lnTo>
                  <a:lnTo>
                    <a:pt x="750" y="69"/>
                  </a:lnTo>
                  <a:lnTo>
                    <a:pt x="780" y="92"/>
                  </a:lnTo>
                  <a:lnTo>
                    <a:pt x="796" y="118"/>
                  </a:lnTo>
                  <a:lnTo>
                    <a:pt x="798" y="132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cxnSp>
          <p:nvCxnSpPr>
            <p:cNvPr id="13" name="Connector: Elbow 134">
              <a:extLst>
                <a:ext uri="{FF2B5EF4-FFF2-40B4-BE49-F238E27FC236}">
                  <a16:creationId xmlns="" xmlns:a16="http://schemas.microsoft.com/office/drawing/2014/main" id="{B4A67042-44B0-4651-9392-A83AE009DAEE}"/>
                </a:ext>
              </a:extLst>
            </p:cNvPr>
            <p:cNvCxnSpPr>
              <a:cxnSpLocks/>
            </p:cNvCxnSpPr>
            <p:nvPr/>
          </p:nvCxnSpPr>
          <p:spPr>
            <a:xfrm rot="5400000" flipH="1" flipV="1">
              <a:off x="7791383" y="4815283"/>
              <a:ext cx="1033398" cy="494216"/>
            </a:xfrm>
            <a:prstGeom prst="bentConnector2">
              <a:avLst/>
            </a:prstGeom>
            <a:ln w="1270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Rectangle 13">
              <a:extLst>
                <a:ext uri="{FF2B5EF4-FFF2-40B4-BE49-F238E27FC236}">
                  <a16:creationId xmlns="" xmlns:a16="http://schemas.microsoft.com/office/drawing/2014/main" id="{05931054-0625-4899-AA3B-1E180892F201}"/>
                </a:ext>
              </a:extLst>
            </p:cNvPr>
            <p:cNvSpPr/>
            <p:nvPr/>
          </p:nvSpPr>
          <p:spPr>
            <a:xfrm>
              <a:off x="8502315" y="4302663"/>
              <a:ext cx="45719" cy="459156"/>
            </a:xfrm>
            <a:prstGeom prst="rect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5" name="Connector: Elbow 136">
              <a:extLst>
                <a:ext uri="{FF2B5EF4-FFF2-40B4-BE49-F238E27FC236}">
                  <a16:creationId xmlns="" xmlns:a16="http://schemas.microsoft.com/office/drawing/2014/main" id="{6854F699-981C-4C0D-8E7A-E3C4CBFAC2D1}"/>
                </a:ext>
              </a:extLst>
            </p:cNvPr>
            <p:cNvCxnSpPr>
              <a:cxnSpLocks/>
              <a:endCxn id="16" idx="1"/>
            </p:cNvCxnSpPr>
            <p:nvPr/>
          </p:nvCxnSpPr>
          <p:spPr>
            <a:xfrm rot="5400000" flipH="1" flipV="1">
              <a:off x="5188611" y="3003574"/>
              <a:ext cx="1160759" cy="701170"/>
            </a:xfrm>
            <a:prstGeom prst="bentConnector2">
              <a:avLst/>
            </a:prstGeom>
            <a:ln w="1270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" name="Rectangle 15">
              <a:extLst>
                <a:ext uri="{FF2B5EF4-FFF2-40B4-BE49-F238E27FC236}">
                  <a16:creationId xmlns="" xmlns:a16="http://schemas.microsoft.com/office/drawing/2014/main" id="{DD54C219-DA75-4247-927D-1B24CD94DB26}"/>
                </a:ext>
              </a:extLst>
            </p:cNvPr>
            <p:cNvSpPr/>
            <p:nvPr/>
          </p:nvSpPr>
          <p:spPr>
            <a:xfrm>
              <a:off x="6119575" y="2544201"/>
              <a:ext cx="45719" cy="459156"/>
            </a:xfrm>
            <a:prstGeom prst="rect">
              <a:avLst/>
            </a:prstGeom>
            <a:solidFill>
              <a:srgbClr val="00C89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7" name="Connector: Elbow 140">
              <a:extLst>
                <a:ext uri="{FF2B5EF4-FFF2-40B4-BE49-F238E27FC236}">
                  <a16:creationId xmlns="" xmlns:a16="http://schemas.microsoft.com/office/drawing/2014/main" id="{DD4DB1E9-89AE-46F7-8358-0486C7D9805F}"/>
                </a:ext>
              </a:extLst>
            </p:cNvPr>
            <p:cNvCxnSpPr>
              <a:cxnSpLocks/>
              <a:endCxn id="18" idx="3"/>
            </p:cNvCxnSpPr>
            <p:nvPr/>
          </p:nvCxnSpPr>
          <p:spPr>
            <a:xfrm rot="5400000">
              <a:off x="5930696" y="4233350"/>
              <a:ext cx="285087" cy="1524140"/>
            </a:xfrm>
            <a:prstGeom prst="bentConnector2">
              <a:avLst/>
            </a:prstGeom>
            <a:ln w="1270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Rectangle 17">
              <a:extLst>
                <a:ext uri="{FF2B5EF4-FFF2-40B4-BE49-F238E27FC236}">
                  <a16:creationId xmlns="" xmlns:a16="http://schemas.microsoft.com/office/drawing/2014/main" id="{85FDC581-7167-4E3B-90AD-5EAEE033A2BF}"/>
                </a:ext>
              </a:extLst>
            </p:cNvPr>
            <p:cNvSpPr/>
            <p:nvPr/>
          </p:nvSpPr>
          <p:spPr>
            <a:xfrm>
              <a:off x="5265450" y="4908386"/>
              <a:ext cx="45719" cy="459156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9" name="Connector: Elbow 142">
              <a:extLst>
                <a:ext uri="{FF2B5EF4-FFF2-40B4-BE49-F238E27FC236}">
                  <a16:creationId xmlns="" xmlns:a16="http://schemas.microsoft.com/office/drawing/2014/main" id="{56671C59-F4CC-47EF-9EF7-193A104C2DE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594492" y="3172816"/>
              <a:ext cx="409300" cy="379977"/>
            </a:xfrm>
            <a:prstGeom prst="bentConnector3">
              <a:avLst>
                <a:gd name="adj1" fmla="val 1872"/>
              </a:avLst>
            </a:prstGeom>
            <a:ln w="1270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Rectangle 19">
              <a:extLst>
                <a:ext uri="{FF2B5EF4-FFF2-40B4-BE49-F238E27FC236}">
                  <a16:creationId xmlns="" xmlns:a16="http://schemas.microsoft.com/office/drawing/2014/main" id="{6DE67154-3F86-4375-8C4F-30A8215C6197}"/>
                </a:ext>
              </a:extLst>
            </p:cNvPr>
            <p:cNvSpPr/>
            <p:nvPr/>
          </p:nvSpPr>
          <p:spPr>
            <a:xfrm>
              <a:off x="3545821" y="3338940"/>
              <a:ext cx="45719" cy="459156"/>
            </a:xfrm>
            <a:prstGeom prst="rect">
              <a:avLst/>
            </a:prstGeom>
            <a:solidFill>
              <a:srgbClr val="00E26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1" name="Group 20"/>
          <p:cNvGrpSpPr/>
          <p:nvPr/>
        </p:nvGrpSpPr>
        <p:grpSpPr>
          <a:xfrm>
            <a:off x="1389684" y="3770966"/>
            <a:ext cx="2034521" cy="746415"/>
            <a:chOff x="1443690" y="1981312"/>
            <a:chExt cx="2034521" cy="746415"/>
          </a:xfrm>
        </p:grpSpPr>
        <p:sp>
          <p:nvSpPr>
            <p:cNvPr id="22" name="TextBox 21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A66BD3"/>
                  </a:solidFill>
                </a:rPr>
                <a:t>Milestone</a:t>
              </a:r>
            </a:p>
          </p:txBody>
        </p:sp>
        <p:sp>
          <p:nvSpPr>
            <p:cNvPr id="23" name="TextBox 22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24" name="TextBox 23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25" name="Group 24"/>
          <p:cNvGrpSpPr/>
          <p:nvPr/>
        </p:nvGrpSpPr>
        <p:grpSpPr>
          <a:xfrm>
            <a:off x="7467648" y="4517381"/>
            <a:ext cx="2034521" cy="746415"/>
            <a:chOff x="1443690" y="1981312"/>
            <a:chExt cx="2034521" cy="746415"/>
          </a:xfrm>
        </p:grpSpPr>
        <p:sp>
          <p:nvSpPr>
            <p:cNvPr id="26" name="TextBox 25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00B0F0"/>
                  </a:solidFill>
                </a:rPr>
                <a:t>Milestone</a:t>
              </a:r>
            </a:p>
          </p:txBody>
        </p:sp>
        <p:sp>
          <p:nvSpPr>
            <p:cNvPr id="27" name="TextBox 26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28" name="TextBox 27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29" name="Group 28"/>
          <p:cNvGrpSpPr/>
          <p:nvPr/>
        </p:nvGrpSpPr>
        <p:grpSpPr>
          <a:xfrm>
            <a:off x="4222343" y="1619450"/>
            <a:ext cx="2034521" cy="746415"/>
            <a:chOff x="1443690" y="1981312"/>
            <a:chExt cx="2034521" cy="746415"/>
          </a:xfrm>
        </p:grpSpPr>
        <p:sp>
          <p:nvSpPr>
            <p:cNvPr id="30" name="TextBox 29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00C08E"/>
                  </a:solidFill>
                </a:rPr>
                <a:t>Milestone</a:t>
              </a:r>
            </a:p>
          </p:txBody>
        </p:sp>
        <p:sp>
          <p:nvSpPr>
            <p:cNvPr id="31" name="TextBox 30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32" name="TextBox 31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33" name="Group 32"/>
          <p:cNvGrpSpPr/>
          <p:nvPr/>
        </p:nvGrpSpPr>
        <p:grpSpPr>
          <a:xfrm>
            <a:off x="9502169" y="2640053"/>
            <a:ext cx="2034521" cy="746415"/>
            <a:chOff x="1443690" y="1981312"/>
            <a:chExt cx="2034521" cy="746415"/>
          </a:xfrm>
        </p:grpSpPr>
        <p:sp>
          <p:nvSpPr>
            <p:cNvPr id="34" name="TextBox 33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0CE25E"/>
                  </a:solidFill>
                </a:rPr>
                <a:t>Milestone</a:t>
              </a:r>
            </a:p>
          </p:txBody>
        </p:sp>
        <p:sp>
          <p:nvSpPr>
            <p:cNvPr id="35" name="TextBox 34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36" name="TextBox 35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71637831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5" name="Group 24"/>
          <p:cNvGrpSpPr/>
          <p:nvPr/>
        </p:nvGrpSpPr>
        <p:grpSpPr>
          <a:xfrm>
            <a:off x="486050" y="1993897"/>
            <a:ext cx="3726295" cy="3543300"/>
            <a:chOff x="486050" y="1993897"/>
            <a:chExt cx="3726295" cy="3543300"/>
          </a:xfrm>
        </p:grpSpPr>
        <p:sp>
          <p:nvSpPr>
            <p:cNvPr id="8" name="OTLSHAPE_T_147dd56e603a4378a03684c9f3b20607_Shape"/>
            <p:cNvSpPr/>
            <p:nvPr>
              <p:custDataLst>
                <p:tags r:id="rId5"/>
              </p:custDataLst>
            </p:nvPr>
          </p:nvSpPr>
          <p:spPr>
            <a:xfrm>
              <a:off x="486050" y="2362198"/>
              <a:ext cx="3726295" cy="317499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b="1" spc="-6" dirty="0">
                <a:solidFill>
                  <a:schemeClr val="lt1"/>
                </a:solidFill>
                <a:latin typeface="Calibri Light" panose="020F0302020204030204" pitchFamily="34" charset="0"/>
              </a:endParaRPr>
            </a:p>
          </p:txBody>
        </p:sp>
        <p:sp>
          <p:nvSpPr>
            <p:cNvPr id="11" name="OTLSHAPE_T_9587430413804c4581d0eddf912f3bd3_Shape"/>
            <p:cNvSpPr/>
            <p:nvPr>
              <p:custDataLst>
                <p:tags r:id="rId6"/>
              </p:custDataLst>
            </p:nvPr>
          </p:nvSpPr>
          <p:spPr>
            <a:xfrm>
              <a:off x="486050" y="1993897"/>
              <a:ext cx="3716714" cy="577851"/>
            </a:xfrm>
            <a:prstGeom prst="roundRect">
              <a:avLst>
                <a:gd name="adj" fmla="val 16921"/>
              </a:avLst>
            </a:prstGeom>
            <a:solidFill>
              <a:srgbClr val="C047EF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6" name="Group 25"/>
          <p:cNvGrpSpPr/>
          <p:nvPr/>
        </p:nvGrpSpPr>
        <p:grpSpPr>
          <a:xfrm>
            <a:off x="4250933" y="1993899"/>
            <a:ext cx="3726296" cy="3543298"/>
            <a:chOff x="4250933" y="1993899"/>
            <a:chExt cx="3726296" cy="3543298"/>
          </a:xfrm>
        </p:grpSpPr>
        <p:sp>
          <p:nvSpPr>
            <p:cNvPr id="9" name="OTLSHAPE_T_147dd56e603a4378a03684c9f3b20607_Shape"/>
            <p:cNvSpPr/>
            <p:nvPr>
              <p:custDataLst>
                <p:tags r:id="rId3"/>
              </p:custDataLst>
            </p:nvPr>
          </p:nvSpPr>
          <p:spPr>
            <a:xfrm>
              <a:off x="4250934" y="2362198"/>
              <a:ext cx="3726295" cy="317499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b="1" spc="-6" dirty="0">
                <a:solidFill>
                  <a:schemeClr val="lt1"/>
                </a:solidFill>
                <a:latin typeface="Calibri Light" panose="020F0302020204030204" pitchFamily="34" charset="0"/>
              </a:endParaRPr>
            </a:p>
          </p:txBody>
        </p:sp>
        <p:sp>
          <p:nvSpPr>
            <p:cNvPr id="12" name="OTLSHAPE_T_9587430413804c4581d0eddf912f3bd3_Shape"/>
            <p:cNvSpPr/>
            <p:nvPr>
              <p:custDataLst>
                <p:tags r:id="rId4"/>
              </p:custDataLst>
            </p:nvPr>
          </p:nvSpPr>
          <p:spPr>
            <a:xfrm>
              <a:off x="4250933" y="1993899"/>
              <a:ext cx="3726295" cy="577851"/>
            </a:xfrm>
            <a:prstGeom prst="roundRect">
              <a:avLst>
                <a:gd name="adj" fmla="val 20218"/>
              </a:avLst>
            </a:prstGeom>
            <a:solidFill>
              <a:srgbClr val="7748C7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7" name="Group 26"/>
          <p:cNvGrpSpPr/>
          <p:nvPr/>
        </p:nvGrpSpPr>
        <p:grpSpPr>
          <a:xfrm>
            <a:off x="8025396" y="1993897"/>
            <a:ext cx="3726298" cy="3543300"/>
            <a:chOff x="8025396" y="1993897"/>
            <a:chExt cx="3726298" cy="3543300"/>
          </a:xfrm>
        </p:grpSpPr>
        <p:sp>
          <p:nvSpPr>
            <p:cNvPr id="10" name="OTLSHAPE_T_147dd56e603a4378a03684c9f3b20607_Shape"/>
            <p:cNvSpPr/>
            <p:nvPr>
              <p:custDataLst>
                <p:tags r:id="rId1"/>
              </p:custDataLst>
            </p:nvPr>
          </p:nvSpPr>
          <p:spPr>
            <a:xfrm>
              <a:off x="8025399" y="2362198"/>
              <a:ext cx="3726295" cy="317499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 b="1" spc="-6" dirty="0">
                <a:solidFill>
                  <a:schemeClr val="lt1"/>
                </a:solidFill>
                <a:latin typeface="Calibri Light" panose="020F0302020204030204" pitchFamily="34" charset="0"/>
              </a:endParaRPr>
            </a:p>
          </p:txBody>
        </p:sp>
        <p:sp>
          <p:nvSpPr>
            <p:cNvPr id="13" name="OTLSHAPE_T_9587430413804c4581d0eddf912f3bd3_Shape"/>
            <p:cNvSpPr/>
            <p:nvPr>
              <p:custDataLst>
                <p:tags r:id="rId2"/>
              </p:custDataLst>
            </p:nvPr>
          </p:nvSpPr>
          <p:spPr>
            <a:xfrm>
              <a:off x="8025396" y="1993897"/>
              <a:ext cx="3726297" cy="577851"/>
            </a:xfrm>
            <a:prstGeom prst="roundRect">
              <a:avLst>
                <a:gd name="adj" fmla="val 20218"/>
              </a:avLst>
            </a:prstGeom>
            <a:solidFill>
              <a:srgbClr val="58A5EB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842766" y="3129158"/>
            <a:ext cx="2034521" cy="1058632"/>
            <a:chOff x="1443690" y="1981312"/>
            <a:chExt cx="2034521" cy="520181"/>
          </a:xfrm>
        </p:grpSpPr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xmlns="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13610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 smtClean="0">
                  <a:solidFill>
                    <a:srgbClr val="C047EF"/>
                  </a:solidFill>
                </a:rPr>
                <a:t>Project 1 Title</a:t>
              </a:r>
              <a:endParaRPr lang="en-ZA" dirty="0">
                <a:solidFill>
                  <a:srgbClr val="C047EF"/>
                </a:solidFill>
              </a:endParaRP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xmlns="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21172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Describe this project, milestone or </a:t>
              </a:r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schedule here</a:t>
              </a:r>
              <a:endParaRPr lang="en-ZA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18" name="Group 17"/>
          <p:cNvGrpSpPr/>
          <p:nvPr/>
        </p:nvGrpSpPr>
        <p:grpSpPr>
          <a:xfrm>
            <a:off x="4741666" y="3129158"/>
            <a:ext cx="2034521" cy="1058632"/>
            <a:chOff x="1443690" y="1981312"/>
            <a:chExt cx="2034521" cy="520181"/>
          </a:xfrm>
        </p:grpSpPr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xmlns="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13610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 smtClean="0">
                  <a:solidFill>
                    <a:srgbClr val="7748C7"/>
                  </a:solidFill>
                </a:rPr>
                <a:t>Project 1 Title</a:t>
              </a:r>
              <a:endParaRPr lang="en-ZA" dirty="0">
                <a:solidFill>
                  <a:srgbClr val="7748C7"/>
                </a:solidFill>
              </a:endParaRP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xmlns="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21172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Describe this project, milestone or </a:t>
              </a:r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schedule here</a:t>
              </a:r>
              <a:endParaRPr lang="en-ZA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21" name="Group 20"/>
          <p:cNvGrpSpPr/>
          <p:nvPr/>
        </p:nvGrpSpPr>
        <p:grpSpPr>
          <a:xfrm>
            <a:off x="8716766" y="3129158"/>
            <a:ext cx="2034521" cy="1058632"/>
            <a:chOff x="1443690" y="1981312"/>
            <a:chExt cx="2034521" cy="520181"/>
          </a:xfrm>
        </p:grpSpPr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xmlns="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13610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 smtClean="0">
                  <a:solidFill>
                    <a:srgbClr val="00B0F0"/>
                  </a:solidFill>
                </a:rPr>
                <a:t>Project 1 Title</a:t>
              </a:r>
              <a:endParaRPr lang="en-ZA" dirty="0">
                <a:solidFill>
                  <a:srgbClr val="00B0F0"/>
                </a:solidFill>
              </a:endParaRPr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xmlns="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21172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Describe this project, milestone or </a:t>
              </a:r>
              <a:r>
                <a:rPr lang="en-ZA" sz="14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schedule here</a:t>
              </a:r>
              <a:endParaRPr lang="en-ZA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76461387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/>
          <p:cNvGrpSpPr/>
          <p:nvPr/>
        </p:nvGrpSpPr>
        <p:grpSpPr>
          <a:xfrm>
            <a:off x="603297" y="1772626"/>
            <a:ext cx="10960052" cy="4207260"/>
            <a:chOff x="743449" y="1696426"/>
            <a:chExt cx="10057538" cy="4207260"/>
          </a:xfrm>
        </p:grpSpPr>
        <p:grpSp>
          <p:nvGrpSpPr>
            <p:cNvPr id="17" name="Group 16"/>
            <p:cNvGrpSpPr/>
            <p:nvPr/>
          </p:nvGrpSpPr>
          <p:grpSpPr>
            <a:xfrm>
              <a:off x="748475" y="2034294"/>
              <a:ext cx="10052512" cy="3869392"/>
              <a:chOff x="835561" y="1845608"/>
              <a:chExt cx="10052512" cy="3869392"/>
            </a:xfrm>
          </p:grpSpPr>
          <p:sp>
            <p:nvSpPr>
              <p:cNvPr id="4" name="Rounded Rectangle 3"/>
              <p:cNvSpPr/>
              <p:nvPr/>
            </p:nvSpPr>
            <p:spPr>
              <a:xfrm>
                <a:off x="835561" y="1845608"/>
                <a:ext cx="2740726" cy="3869388"/>
              </a:xfrm>
              <a:prstGeom prst="roundRect">
                <a:avLst>
                  <a:gd name="adj" fmla="val 10172"/>
                </a:avLst>
              </a:prstGeom>
              <a:solidFill>
                <a:schemeClr val="bg1">
                  <a:lumMod val="9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bg1"/>
                  </a:solidFill>
                </a:endParaRPr>
              </a:p>
            </p:txBody>
          </p:sp>
          <p:sp>
            <p:nvSpPr>
              <p:cNvPr id="5" name="Rounded Rectangle 4"/>
              <p:cNvSpPr/>
              <p:nvPr/>
            </p:nvSpPr>
            <p:spPr>
              <a:xfrm>
                <a:off x="835561" y="1845611"/>
                <a:ext cx="2544209" cy="840439"/>
              </a:xfrm>
              <a:prstGeom prst="roundRect">
                <a:avLst>
                  <a:gd name="adj" fmla="val 10172"/>
                </a:avLst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6" name="Rounded Rectangle 5"/>
              <p:cNvSpPr/>
              <p:nvPr/>
            </p:nvSpPr>
            <p:spPr>
              <a:xfrm>
                <a:off x="7977099" y="1845608"/>
                <a:ext cx="2910974" cy="3869388"/>
              </a:xfrm>
              <a:prstGeom prst="roundRect">
                <a:avLst>
                  <a:gd name="adj" fmla="val 10846"/>
                </a:avLst>
              </a:prstGeom>
              <a:solidFill>
                <a:schemeClr val="bg1">
                  <a:lumMod val="8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7" name="Rounded Rectangle 6"/>
              <p:cNvSpPr/>
              <p:nvPr/>
            </p:nvSpPr>
            <p:spPr>
              <a:xfrm>
                <a:off x="8144873" y="1845609"/>
                <a:ext cx="2743200" cy="840441"/>
              </a:xfrm>
              <a:prstGeom prst="roundRect">
                <a:avLst>
                  <a:gd name="adj" fmla="val 10846"/>
                </a:avLst>
              </a:prstGeom>
              <a:solidFill>
                <a:srgbClr val="00E668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8" name="Rectangle 7"/>
              <p:cNvSpPr/>
              <p:nvPr/>
            </p:nvSpPr>
            <p:spPr>
              <a:xfrm>
                <a:off x="5815559" y="1845612"/>
                <a:ext cx="2562588" cy="3869388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endParaRPr>
              </a:p>
            </p:txBody>
          </p:sp>
          <p:sp>
            <p:nvSpPr>
              <p:cNvPr id="9" name="Rectangle 8"/>
              <p:cNvSpPr/>
              <p:nvPr/>
            </p:nvSpPr>
            <p:spPr>
              <a:xfrm>
                <a:off x="5815559" y="1845610"/>
                <a:ext cx="2562588" cy="840440"/>
              </a:xfrm>
              <a:prstGeom prst="rect">
                <a:avLst/>
              </a:prstGeom>
              <a:solidFill>
                <a:srgbClr val="13AD9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endParaRPr>
              </a:p>
            </p:txBody>
          </p:sp>
          <p:sp>
            <p:nvSpPr>
              <p:cNvPr id="10" name="Rectangle 9"/>
              <p:cNvSpPr/>
              <p:nvPr/>
            </p:nvSpPr>
            <p:spPr>
              <a:xfrm rot="10800000">
                <a:off x="3304101" y="1845612"/>
                <a:ext cx="2520000" cy="3869388"/>
              </a:xfrm>
              <a:prstGeom prst="rect">
                <a:avLst/>
              </a:prstGeom>
              <a:solidFill>
                <a:schemeClr val="bg1">
                  <a:lumMod val="8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endParaRPr>
              </a:p>
            </p:txBody>
          </p:sp>
          <p:sp>
            <p:nvSpPr>
              <p:cNvPr id="11" name="Rectangle 10"/>
              <p:cNvSpPr/>
              <p:nvPr/>
            </p:nvSpPr>
            <p:spPr>
              <a:xfrm rot="10800000">
                <a:off x="3304099" y="1845610"/>
                <a:ext cx="2520001" cy="840439"/>
              </a:xfrm>
              <a:prstGeom prst="rect">
                <a:avLst/>
              </a:prstGeom>
              <a:solidFill>
                <a:srgbClr val="00B0F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endParaRPr>
              </a:p>
            </p:txBody>
          </p:sp>
          <p:sp>
            <p:nvSpPr>
              <p:cNvPr id="13" name="Rectangle 12"/>
              <p:cNvSpPr/>
              <p:nvPr/>
            </p:nvSpPr>
            <p:spPr>
              <a:xfrm>
                <a:off x="1146422" y="2048014"/>
                <a:ext cx="814936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dirty="0" smtClean="0">
                    <a:solidFill>
                      <a:schemeClr val="bg1"/>
                    </a:solidFill>
                    <a:latin typeface="+mj-lt"/>
                  </a:rPr>
                  <a:t>Project </a:t>
                </a:r>
                <a:endParaRPr lang="en-US" dirty="0">
                  <a:solidFill>
                    <a:schemeClr val="bg1"/>
                  </a:solidFill>
                  <a:latin typeface="+mj-lt"/>
                </a:endParaRPr>
              </a:p>
            </p:txBody>
          </p:sp>
          <p:sp>
            <p:nvSpPr>
              <p:cNvPr id="14" name="Rectangle 13"/>
              <p:cNvSpPr/>
              <p:nvPr/>
            </p:nvSpPr>
            <p:spPr>
              <a:xfrm>
                <a:off x="3542801" y="2048014"/>
                <a:ext cx="766393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dirty="0" smtClean="0">
                    <a:solidFill>
                      <a:schemeClr val="bg1"/>
                    </a:solidFill>
                    <a:latin typeface="+mj-lt"/>
                  </a:rPr>
                  <a:t>Project</a:t>
                </a:r>
                <a:endParaRPr lang="en-US" dirty="0">
                  <a:solidFill>
                    <a:schemeClr val="bg1"/>
                  </a:solidFill>
                  <a:latin typeface="+mj-lt"/>
                </a:endParaRPr>
              </a:p>
            </p:txBody>
          </p:sp>
          <p:sp>
            <p:nvSpPr>
              <p:cNvPr id="15" name="Rectangle 14"/>
              <p:cNvSpPr/>
              <p:nvPr/>
            </p:nvSpPr>
            <p:spPr>
              <a:xfrm>
                <a:off x="6186830" y="2048014"/>
                <a:ext cx="766393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dirty="0" smtClean="0">
                    <a:solidFill>
                      <a:schemeClr val="bg1"/>
                    </a:solidFill>
                    <a:latin typeface="+mj-lt"/>
                  </a:rPr>
                  <a:t>Project</a:t>
                </a:r>
                <a:endParaRPr lang="en-US" dirty="0">
                  <a:solidFill>
                    <a:schemeClr val="bg1"/>
                  </a:solidFill>
                  <a:latin typeface="+mj-lt"/>
                </a:endParaRPr>
              </a:p>
            </p:txBody>
          </p:sp>
          <p:sp>
            <p:nvSpPr>
              <p:cNvPr id="16" name="Rectangle 15"/>
              <p:cNvSpPr/>
              <p:nvPr/>
            </p:nvSpPr>
            <p:spPr>
              <a:xfrm>
                <a:off x="8583209" y="2048014"/>
                <a:ext cx="766393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dirty="0" smtClean="0">
                    <a:solidFill>
                      <a:schemeClr val="bg1"/>
                    </a:solidFill>
                    <a:latin typeface="+mj-lt"/>
                  </a:rPr>
                  <a:t>Project</a:t>
                </a:r>
                <a:endParaRPr lang="en-US" dirty="0">
                  <a:solidFill>
                    <a:schemeClr val="bg1"/>
                  </a:solidFill>
                  <a:latin typeface="+mj-lt"/>
                </a:endParaRPr>
              </a:p>
            </p:txBody>
          </p:sp>
        </p:grpSp>
        <p:sp>
          <p:nvSpPr>
            <p:cNvPr id="18" name="Rectangle 17"/>
            <p:cNvSpPr/>
            <p:nvPr/>
          </p:nvSpPr>
          <p:spPr>
            <a:xfrm>
              <a:off x="1059336" y="3159553"/>
              <a:ext cx="1696416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600" dirty="0" smtClean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rPr>
                <a:t>Put your details right here.</a:t>
              </a:r>
              <a:endParaRPr lang="en-US" sz="16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19" name="Rectangle 18"/>
            <p:cNvSpPr/>
            <p:nvPr/>
          </p:nvSpPr>
          <p:spPr>
            <a:xfrm>
              <a:off x="3499778" y="3159553"/>
              <a:ext cx="1696416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600" dirty="0" smtClean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rPr>
                <a:t>Put your details right here.</a:t>
              </a:r>
              <a:endParaRPr lang="en-US" sz="16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20" name="Rectangle 19"/>
            <p:cNvSpPr/>
            <p:nvPr/>
          </p:nvSpPr>
          <p:spPr>
            <a:xfrm>
              <a:off x="6122990" y="3159553"/>
              <a:ext cx="1696416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600" dirty="0" smtClean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rPr>
                <a:t>Put your details right here.</a:t>
              </a:r>
              <a:endParaRPr lang="en-US" sz="16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21" name="Rectangle 20"/>
            <p:cNvSpPr/>
            <p:nvPr/>
          </p:nvSpPr>
          <p:spPr>
            <a:xfrm>
              <a:off x="8557147" y="3159553"/>
              <a:ext cx="1696416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600" dirty="0" smtClean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rPr>
                <a:t>Put your details right here.</a:t>
              </a:r>
              <a:endParaRPr lang="en-US" sz="16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22" name="Rounded Rectangle 21"/>
            <p:cNvSpPr/>
            <p:nvPr/>
          </p:nvSpPr>
          <p:spPr>
            <a:xfrm>
              <a:off x="743449" y="1696426"/>
              <a:ext cx="523008" cy="609520"/>
            </a:xfrm>
            <a:prstGeom prst="roundRect">
              <a:avLst>
                <a:gd name="adj" fmla="val 10172"/>
              </a:avLst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b="1" dirty="0" smtClean="0"/>
                <a:t>1</a:t>
              </a:r>
              <a:endParaRPr lang="en-US" sz="2400" b="1" dirty="0"/>
            </a:p>
          </p:txBody>
        </p:sp>
        <p:sp>
          <p:nvSpPr>
            <p:cNvPr id="23" name="Rounded Rectangle 22"/>
            <p:cNvSpPr/>
            <p:nvPr/>
          </p:nvSpPr>
          <p:spPr>
            <a:xfrm>
              <a:off x="3223642" y="1696426"/>
              <a:ext cx="523008" cy="609520"/>
            </a:xfrm>
            <a:prstGeom prst="roundRect">
              <a:avLst>
                <a:gd name="adj" fmla="val 10172"/>
              </a:avLst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b="1" dirty="0" smtClean="0"/>
                <a:t>2</a:t>
              </a:r>
              <a:endParaRPr lang="en-US" sz="2400" b="1" dirty="0"/>
            </a:p>
          </p:txBody>
        </p:sp>
        <p:sp>
          <p:nvSpPr>
            <p:cNvPr id="24" name="Rounded Rectangle 23"/>
            <p:cNvSpPr/>
            <p:nvPr/>
          </p:nvSpPr>
          <p:spPr>
            <a:xfrm>
              <a:off x="5734975" y="1696426"/>
              <a:ext cx="523008" cy="609520"/>
            </a:xfrm>
            <a:prstGeom prst="roundRect">
              <a:avLst>
                <a:gd name="adj" fmla="val 10172"/>
              </a:avLst>
            </a:prstGeom>
            <a:solidFill>
              <a:srgbClr val="13AD9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b="1" dirty="0" smtClean="0"/>
                <a:t>3</a:t>
              </a:r>
              <a:endParaRPr lang="en-US" sz="2400" b="1" dirty="0"/>
            </a:p>
          </p:txBody>
        </p:sp>
        <p:sp>
          <p:nvSpPr>
            <p:cNvPr id="25" name="Rounded Rectangle 24"/>
            <p:cNvSpPr/>
            <p:nvPr/>
          </p:nvSpPr>
          <p:spPr>
            <a:xfrm>
              <a:off x="8291873" y="1696426"/>
              <a:ext cx="523008" cy="609520"/>
            </a:xfrm>
            <a:prstGeom prst="roundRect">
              <a:avLst>
                <a:gd name="adj" fmla="val 10172"/>
              </a:avLst>
            </a:prstGeom>
            <a:solidFill>
              <a:srgbClr val="00E66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b="1" dirty="0" smtClean="0"/>
                <a:t>4</a:t>
              </a:r>
              <a:endParaRPr lang="en-US" sz="2400" b="1" dirty="0"/>
            </a:p>
          </p:txBody>
        </p:sp>
      </p:grpSp>
    </p:spTree>
    <p:extLst>
      <p:ext uri="{BB962C8B-B14F-4D97-AF65-F5344CB8AC3E}">
        <p14:creationId xmlns:p14="http://schemas.microsoft.com/office/powerpoint/2010/main" val="427218205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/>
          <p:cNvGrpSpPr/>
          <p:nvPr/>
        </p:nvGrpSpPr>
        <p:grpSpPr>
          <a:xfrm>
            <a:off x="617683" y="2110497"/>
            <a:ext cx="10954575" cy="3869392"/>
            <a:chOff x="835561" y="1845608"/>
            <a:chExt cx="10052512" cy="3869392"/>
          </a:xfrm>
        </p:grpSpPr>
        <p:sp>
          <p:nvSpPr>
            <p:cNvPr id="4" name="Rounded Rectangle 3"/>
            <p:cNvSpPr/>
            <p:nvPr/>
          </p:nvSpPr>
          <p:spPr>
            <a:xfrm>
              <a:off x="835561" y="1845608"/>
              <a:ext cx="2740726" cy="3869388"/>
            </a:xfrm>
            <a:prstGeom prst="roundRect">
              <a:avLst>
                <a:gd name="adj" fmla="val 10172"/>
              </a:avLst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bg1"/>
                </a:solidFill>
              </a:endParaRPr>
            </a:p>
          </p:txBody>
        </p:sp>
        <p:sp>
          <p:nvSpPr>
            <p:cNvPr id="6" name="Rounded Rectangle 5"/>
            <p:cNvSpPr/>
            <p:nvPr/>
          </p:nvSpPr>
          <p:spPr>
            <a:xfrm>
              <a:off x="7977099" y="1845608"/>
              <a:ext cx="2910974" cy="3869388"/>
            </a:xfrm>
            <a:prstGeom prst="roundRect">
              <a:avLst>
                <a:gd name="adj" fmla="val 10846"/>
              </a:avLst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" name="Rectangle 7"/>
            <p:cNvSpPr/>
            <p:nvPr/>
          </p:nvSpPr>
          <p:spPr>
            <a:xfrm>
              <a:off x="5815559" y="1845612"/>
              <a:ext cx="2562588" cy="386938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10" name="Rectangle 9"/>
            <p:cNvSpPr/>
            <p:nvPr/>
          </p:nvSpPr>
          <p:spPr>
            <a:xfrm rot="10800000">
              <a:off x="3304101" y="1845612"/>
              <a:ext cx="2520000" cy="3869388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</p:grpSp>
      <p:sp>
        <p:nvSpPr>
          <p:cNvPr id="18" name="Rectangle 17"/>
          <p:cNvSpPr/>
          <p:nvPr/>
        </p:nvSpPr>
        <p:spPr>
          <a:xfrm>
            <a:off x="947530" y="3235753"/>
            <a:ext cx="184864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Put your details right here.</a:t>
            </a:r>
            <a:endParaRPr lang="en-US" sz="1600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3606965" y="3235753"/>
            <a:ext cx="184864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Put your details right here.</a:t>
            </a:r>
            <a:endParaRPr lang="en-US" sz="1600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6465572" y="3235753"/>
            <a:ext cx="184864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Put your details right here.</a:t>
            </a:r>
            <a:endParaRPr lang="en-US" sz="1600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21" name="Rectangle 20"/>
          <p:cNvSpPr/>
          <p:nvPr/>
        </p:nvSpPr>
        <p:spPr>
          <a:xfrm>
            <a:off x="9118157" y="3235753"/>
            <a:ext cx="184864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Put your details right here.</a:t>
            </a:r>
            <a:endParaRPr lang="en-US" sz="1600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26" name="Rounded Rectangle 25"/>
          <p:cNvSpPr/>
          <p:nvPr/>
        </p:nvSpPr>
        <p:spPr>
          <a:xfrm>
            <a:off x="608773" y="2110497"/>
            <a:ext cx="10954575" cy="840439"/>
          </a:xfrm>
          <a:prstGeom prst="roundRect">
            <a:avLst>
              <a:gd name="adj" fmla="val 10172"/>
            </a:avLst>
          </a:prstGeom>
          <a:gradFill flip="none" rotWithShape="1">
            <a:gsLst>
              <a:gs pos="8000">
                <a:srgbClr val="7030A0"/>
              </a:gs>
              <a:gs pos="28000">
                <a:srgbClr val="0070C0"/>
              </a:gs>
              <a:gs pos="53000">
                <a:srgbClr val="13AD93"/>
              </a:gs>
              <a:gs pos="80000">
                <a:srgbClr val="00E668"/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Rounded Rectangle 31"/>
          <p:cNvSpPr/>
          <p:nvPr/>
        </p:nvSpPr>
        <p:spPr>
          <a:xfrm>
            <a:off x="603297" y="1772626"/>
            <a:ext cx="569940" cy="609520"/>
          </a:xfrm>
          <a:prstGeom prst="roundRect">
            <a:avLst>
              <a:gd name="adj" fmla="val 10172"/>
            </a:avLst>
          </a:prstGeom>
          <a:solidFill>
            <a:srgbClr val="7030A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b="1" dirty="0" smtClean="0"/>
              <a:t>1</a:t>
            </a:r>
            <a:endParaRPr lang="en-US" sz="2400" b="1" dirty="0"/>
          </a:p>
        </p:txBody>
      </p:sp>
      <p:sp>
        <p:nvSpPr>
          <p:cNvPr id="33" name="Rounded Rectangle 32"/>
          <p:cNvSpPr/>
          <p:nvPr/>
        </p:nvSpPr>
        <p:spPr>
          <a:xfrm>
            <a:off x="3306051" y="1772626"/>
            <a:ext cx="569940" cy="609520"/>
          </a:xfrm>
          <a:prstGeom prst="roundRect">
            <a:avLst>
              <a:gd name="adj" fmla="val 10172"/>
            </a:avLst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b="1" dirty="0" smtClean="0"/>
              <a:t>2</a:t>
            </a:r>
            <a:endParaRPr lang="en-US" sz="2400" b="1" dirty="0"/>
          </a:p>
        </p:txBody>
      </p:sp>
      <p:sp>
        <p:nvSpPr>
          <p:cNvPr id="34" name="Rounded Rectangle 33"/>
          <p:cNvSpPr/>
          <p:nvPr/>
        </p:nvSpPr>
        <p:spPr>
          <a:xfrm>
            <a:off x="6042739" y="1772626"/>
            <a:ext cx="569940" cy="609520"/>
          </a:xfrm>
          <a:prstGeom prst="roundRect">
            <a:avLst>
              <a:gd name="adj" fmla="val 10172"/>
            </a:avLst>
          </a:prstGeom>
          <a:solidFill>
            <a:srgbClr val="13AD9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b="1" dirty="0" smtClean="0"/>
              <a:t>3</a:t>
            </a:r>
            <a:endParaRPr lang="en-US" sz="2400" b="1" dirty="0"/>
          </a:p>
        </p:txBody>
      </p:sp>
      <p:sp>
        <p:nvSpPr>
          <p:cNvPr id="35" name="Rounded Rectangle 34"/>
          <p:cNvSpPr/>
          <p:nvPr/>
        </p:nvSpPr>
        <p:spPr>
          <a:xfrm>
            <a:off x="8829077" y="1772626"/>
            <a:ext cx="569940" cy="609520"/>
          </a:xfrm>
          <a:prstGeom prst="roundRect">
            <a:avLst>
              <a:gd name="adj" fmla="val 10172"/>
            </a:avLst>
          </a:prstGeom>
          <a:solidFill>
            <a:srgbClr val="00E66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b="1" dirty="0" smtClean="0"/>
              <a:t>4</a:t>
            </a:r>
            <a:endParaRPr lang="en-US" sz="2400" b="1" dirty="0"/>
          </a:p>
        </p:txBody>
      </p:sp>
      <p:sp>
        <p:nvSpPr>
          <p:cNvPr id="40" name="Rectangle 39"/>
          <p:cNvSpPr/>
          <p:nvPr/>
        </p:nvSpPr>
        <p:spPr>
          <a:xfrm>
            <a:off x="1273197" y="2312900"/>
            <a:ext cx="87684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 smtClean="0">
                <a:solidFill>
                  <a:schemeClr val="bg1"/>
                </a:solidFill>
                <a:latin typeface="+mj-lt"/>
              </a:rPr>
              <a:t>Project </a:t>
            </a:r>
            <a:endParaRPr lang="en-US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42" name="Rectangle 41"/>
          <p:cNvSpPr/>
          <p:nvPr/>
        </p:nvSpPr>
        <p:spPr>
          <a:xfrm>
            <a:off x="6609321" y="2312900"/>
            <a:ext cx="87684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 smtClean="0">
                <a:solidFill>
                  <a:schemeClr val="bg1"/>
                </a:solidFill>
                <a:latin typeface="+mj-lt"/>
              </a:rPr>
              <a:t>Project </a:t>
            </a:r>
            <a:endParaRPr lang="en-US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43" name="Rectangle 42"/>
          <p:cNvSpPr/>
          <p:nvPr/>
        </p:nvSpPr>
        <p:spPr>
          <a:xfrm>
            <a:off x="9422525" y="2312900"/>
            <a:ext cx="87684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 smtClean="0">
                <a:solidFill>
                  <a:schemeClr val="bg1"/>
                </a:solidFill>
                <a:latin typeface="+mj-lt"/>
              </a:rPr>
              <a:t>Project </a:t>
            </a:r>
            <a:endParaRPr lang="en-US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44" name="Rectangle 43"/>
          <p:cNvSpPr/>
          <p:nvPr/>
        </p:nvSpPr>
        <p:spPr>
          <a:xfrm>
            <a:off x="3941259" y="2312900"/>
            <a:ext cx="87684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 smtClean="0">
                <a:solidFill>
                  <a:schemeClr val="bg1"/>
                </a:solidFill>
                <a:latin typeface="+mj-lt"/>
              </a:rPr>
              <a:t>Project </a:t>
            </a:r>
            <a:endParaRPr lang="en-US" b="1" dirty="0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1815285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2" name="Group 41"/>
          <p:cNvGrpSpPr/>
          <p:nvPr/>
        </p:nvGrpSpPr>
        <p:grpSpPr>
          <a:xfrm>
            <a:off x="283155" y="1517435"/>
            <a:ext cx="11486242" cy="4076228"/>
            <a:chOff x="486355" y="2076235"/>
            <a:chExt cx="11486242" cy="4076228"/>
          </a:xfrm>
        </p:grpSpPr>
        <p:sp>
          <p:nvSpPr>
            <p:cNvPr id="27" name="Rectangle 26"/>
            <p:cNvSpPr/>
            <p:nvPr/>
          </p:nvSpPr>
          <p:spPr>
            <a:xfrm>
              <a:off x="10283499" y="3870774"/>
              <a:ext cx="1689098" cy="478975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28" name="Rectangle 27"/>
            <p:cNvSpPr/>
            <p:nvPr/>
          </p:nvSpPr>
          <p:spPr>
            <a:xfrm>
              <a:off x="486355" y="3870773"/>
              <a:ext cx="1148474" cy="478975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30" name="Rectangle 29"/>
            <p:cNvSpPr/>
            <p:nvPr/>
          </p:nvSpPr>
          <p:spPr>
            <a:xfrm>
              <a:off x="1608535" y="3870777"/>
              <a:ext cx="2272271" cy="478975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31" name="Rectangle 30"/>
            <p:cNvSpPr/>
            <p:nvPr/>
          </p:nvSpPr>
          <p:spPr>
            <a:xfrm>
              <a:off x="3870372" y="3870776"/>
              <a:ext cx="2288123" cy="478975"/>
            </a:xfrm>
            <a:prstGeom prst="rect">
              <a:avLst/>
            </a:prstGeom>
            <a:solidFill>
              <a:srgbClr val="FFCC2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32" name="Rectangle 31"/>
            <p:cNvSpPr/>
            <p:nvPr/>
          </p:nvSpPr>
          <p:spPr>
            <a:xfrm>
              <a:off x="6142641" y="3870776"/>
              <a:ext cx="2261835" cy="478975"/>
            </a:xfrm>
            <a:prstGeom prst="rect">
              <a:avLst/>
            </a:prstGeom>
            <a:solidFill>
              <a:srgbClr val="C047E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33" name="Rectangle 32"/>
            <p:cNvSpPr/>
            <p:nvPr/>
          </p:nvSpPr>
          <p:spPr>
            <a:xfrm>
              <a:off x="8388620" y="3870775"/>
              <a:ext cx="2261835" cy="478975"/>
            </a:xfrm>
            <a:prstGeom prst="rect">
              <a:avLst/>
            </a:prstGeom>
            <a:solidFill>
              <a:srgbClr val="19EB6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34" name="Rectangle 33"/>
            <p:cNvSpPr/>
            <p:nvPr/>
          </p:nvSpPr>
          <p:spPr>
            <a:xfrm>
              <a:off x="3870372" y="2076235"/>
              <a:ext cx="2261838" cy="1800000"/>
            </a:xfrm>
            <a:prstGeom prst="rect">
              <a:avLst/>
            </a:prstGeom>
            <a:solidFill>
              <a:srgbClr val="FFFF00">
                <a:alpha val="20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Rectangle 34"/>
            <p:cNvSpPr/>
            <p:nvPr/>
          </p:nvSpPr>
          <p:spPr>
            <a:xfrm>
              <a:off x="1608535" y="4344292"/>
              <a:ext cx="2272758" cy="1800000"/>
            </a:xfrm>
            <a:prstGeom prst="rect">
              <a:avLst/>
            </a:prstGeom>
            <a:solidFill>
              <a:srgbClr val="00B0F0">
                <a:alpha val="6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6138895" y="4352463"/>
              <a:ext cx="2249725" cy="1800000"/>
            </a:xfrm>
            <a:prstGeom prst="rect">
              <a:avLst/>
            </a:prstGeom>
            <a:solidFill>
              <a:srgbClr val="C047EF">
                <a:alpha val="20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8388619" y="2078948"/>
              <a:ext cx="2271005" cy="1800000"/>
            </a:xfrm>
            <a:prstGeom prst="rect">
              <a:avLst/>
            </a:prstGeom>
            <a:solidFill>
              <a:srgbClr val="19EB6E">
                <a:alpha val="20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1608535" y="4344293"/>
              <a:ext cx="482255" cy="478975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000" b="1" dirty="0" smtClean="0">
                  <a:solidFill>
                    <a:schemeClr val="bg1"/>
                  </a:solidFill>
                  <a:latin typeface="+mj-lt"/>
                </a:rPr>
                <a:t>1</a:t>
              </a:r>
              <a:endParaRPr lang="en-US" sz="2000" b="1" dirty="0">
                <a:solidFill>
                  <a:schemeClr val="bg1"/>
                </a:solidFill>
                <a:latin typeface="+mj-lt"/>
              </a:endParaRPr>
            </a:p>
          </p:txBody>
        </p:sp>
        <p:sp>
          <p:nvSpPr>
            <p:cNvPr id="39" name="Rectangle 38"/>
            <p:cNvSpPr/>
            <p:nvPr/>
          </p:nvSpPr>
          <p:spPr>
            <a:xfrm>
              <a:off x="3870372" y="3397260"/>
              <a:ext cx="482255" cy="478975"/>
            </a:xfrm>
            <a:prstGeom prst="rect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b="1" dirty="0" smtClean="0">
                  <a:solidFill>
                    <a:schemeClr val="bg1"/>
                  </a:solidFill>
                </a:rPr>
                <a:t>2</a:t>
              </a:r>
              <a:endPara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40" name="Rectangle 39"/>
            <p:cNvSpPr/>
            <p:nvPr/>
          </p:nvSpPr>
          <p:spPr>
            <a:xfrm>
              <a:off x="6142641" y="4344293"/>
              <a:ext cx="482255" cy="478975"/>
            </a:xfrm>
            <a:prstGeom prst="rect">
              <a:avLst/>
            </a:prstGeom>
            <a:solidFill>
              <a:srgbClr val="C047E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b="1" dirty="0" smtClean="0">
                  <a:solidFill>
                    <a:schemeClr val="bg1"/>
                  </a:solidFill>
                </a:rPr>
                <a:t>3</a:t>
              </a:r>
              <a:endPara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41" name="Rectangle 40"/>
            <p:cNvSpPr/>
            <p:nvPr/>
          </p:nvSpPr>
          <p:spPr>
            <a:xfrm>
              <a:off x="8388620" y="3399972"/>
              <a:ext cx="482255" cy="478975"/>
            </a:xfrm>
            <a:prstGeom prst="rect">
              <a:avLst/>
            </a:prstGeom>
            <a:solidFill>
              <a:srgbClr val="19EB6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b="1" dirty="0" smtClean="0">
                  <a:solidFill>
                    <a:schemeClr val="bg1"/>
                  </a:solidFill>
                </a:rPr>
                <a:t>4</a:t>
              </a:r>
              <a:endPara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4637786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Oval 60"/>
          <p:cNvSpPr/>
          <p:nvPr/>
        </p:nvSpPr>
        <p:spPr>
          <a:xfrm>
            <a:off x="7118396" y="4489450"/>
            <a:ext cx="360000" cy="360000"/>
          </a:xfrm>
          <a:prstGeom prst="ellipse">
            <a:avLst/>
          </a:prstGeom>
          <a:solidFill>
            <a:schemeClr val="bg1"/>
          </a:solidFill>
          <a:ln w="12700">
            <a:solidFill>
              <a:srgbClr val="19EB6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rgbClr val="0DB766"/>
                </a:solidFill>
              </a:rPr>
              <a:t>3</a:t>
            </a:r>
            <a:endParaRPr lang="en-US" sz="2400" dirty="0">
              <a:solidFill>
                <a:srgbClr val="0DB766"/>
              </a:solidFill>
            </a:endParaRPr>
          </a:p>
        </p:txBody>
      </p:sp>
      <p:sp>
        <p:nvSpPr>
          <p:cNvPr id="59" name="Oval 58"/>
          <p:cNvSpPr/>
          <p:nvPr/>
        </p:nvSpPr>
        <p:spPr>
          <a:xfrm>
            <a:off x="2159554" y="4489450"/>
            <a:ext cx="360000" cy="360000"/>
          </a:xfrm>
          <a:prstGeom prst="ellipse">
            <a:avLst/>
          </a:prstGeom>
          <a:solidFill>
            <a:schemeClr val="bg1"/>
          </a:solidFill>
          <a:ln w="12700"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rgbClr val="002060"/>
                </a:solidFill>
              </a:rPr>
              <a:t>1</a:t>
            </a:r>
            <a:endParaRPr lang="en-US" sz="2400" dirty="0">
              <a:solidFill>
                <a:srgbClr val="002060"/>
              </a:solidFill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978654" y="3445946"/>
            <a:ext cx="10143849" cy="878404"/>
            <a:chOff x="978654" y="3445946"/>
            <a:chExt cx="10143849" cy="878404"/>
          </a:xfrm>
        </p:grpSpPr>
        <p:sp>
          <p:nvSpPr>
            <p:cNvPr id="3" name="Isosceles Triangle 2"/>
            <p:cNvSpPr/>
            <p:nvPr/>
          </p:nvSpPr>
          <p:spPr>
            <a:xfrm flipV="1">
              <a:off x="2196309" y="4115692"/>
              <a:ext cx="318291" cy="208658"/>
            </a:xfrm>
            <a:prstGeom prst="triangle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7" name="Isosceles Triangle 46"/>
            <p:cNvSpPr/>
            <p:nvPr/>
          </p:nvSpPr>
          <p:spPr>
            <a:xfrm rot="10800000" flipV="1">
              <a:off x="9580286" y="3445947"/>
              <a:ext cx="318291" cy="208658"/>
            </a:xfrm>
            <a:prstGeom prst="triangle">
              <a:avLst/>
            </a:prstGeom>
            <a:solidFill>
              <a:srgbClr val="CC339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rgbClr val="F01025"/>
                </a:solidFill>
              </a:endParaRPr>
            </a:p>
          </p:txBody>
        </p:sp>
        <p:sp>
          <p:nvSpPr>
            <p:cNvPr id="6" name="Rounded Rectangle 5"/>
            <p:cNvSpPr/>
            <p:nvPr/>
          </p:nvSpPr>
          <p:spPr>
            <a:xfrm>
              <a:off x="978654" y="3636312"/>
              <a:ext cx="2744733" cy="478800"/>
            </a:xfrm>
            <a:prstGeom prst="roundRect">
              <a:avLst>
                <a:gd name="adj" fmla="val 46957"/>
              </a:avLst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9" name="Rectangle 48"/>
            <p:cNvSpPr/>
            <p:nvPr/>
          </p:nvSpPr>
          <p:spPr>
            <a:xfrm rot="10800000">
              <a:off x="3532701" y="3636312"/>
              <a:ext cx="2520000" cy="478800"/>
            </a:xfrm>
            <a:prstGeom prst="rect">
              <a:avLst/>
            </a:prstGeom>
            <a:solidFill>
              <a:srgbClr val="FFCF3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50" name="Isosceles Triangle 49"/>
            <p:cNvSpPr/>
            <p:nvPr/>
          </p:nvSpPr>
          <p:spPr>
            <a:xfrm rot="10800000" flipV="1">
              <a:off x="4594186" y="3445946"/>
              <a:ext cx="318291" cy="208658"/>
            </a:xfrm>
            <a:prstGeom prst="triangle">
              <a:avLst/>
            </a:prstGeom>
            <a:solidFill>
              <a:srgbClr val="FFCF3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Rounded Rectangle 52"/>
            <p:cNvSpPr/>
            <p:nvPr/>
          </p:nvSpPr>
          <p:spPr>
            <a:xfrm>
              <a:off x="8379303" y="3636312"/>
              <a:ext cx="2743200" cy="478800"/>
            </a:xfrm>
            <a:prstGeom prst="roundRect">
              <a:avLst>
                <a:gd name="adj" fmla="val 46957"/>
              </a:avLst>
            </a:prstGeom>
            <a:solidFill>
              <a:srgbClr val="CC339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5" name="Rectangle 54"/>
            <p:cNvSpPr/>
            <p:nvPr/>
          </p:nvSpPr>
          <p:spPr>
            <a:xfrm>
              <a:off x="6044159" y="3636312"/>
              <a:ext cx="2520000" cy="478800"/>
            </a:xfrm>
            <a:prstGeom prst="rect">
              <a:avLst/>
            </a:prstGeom>
            <a:solidFill>
              <a:srgbClr val="19EB6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endParaRPr>
            </a:p>
          </p:txBody>
        </p:sp>
        <p:sp>
          <p:nvSpPr>
            <p:cNvPr id="56" name="Isosceles Triangle 55"/>
            <p:cNvSpPr/>
            <p:nvPr/>
          </p:nvSpPr>
          <p:spPr>
            <a:xfrm flipV="1">
              <a:off x="7127930" y="4115692"/>
              <a:ext cx="363216" cy="208658"/>
            </a:xfrm>
            <a:prstGeom prst="triangle">
              <a:avLst/>
            </a:prstGeom>
            <a:solidFill>
              <a:srgbClr val="19EB6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60" name="Oval 59"/>
          <p:cNvSpPr/>
          <p:nvPr/>
        </p:nvSpPr>
        <p:spPr>
          <a:xfrm>
            <a:off x="4570131" y="2990646"/>
            <a:ext cx="360000" cy="360000"/>
          </a:xfrm>
          <a:prstGeom prst="ellipse">
            <a:avLst/>
          </a:prstGeom>
          <a:solidFill>
            <a:schemeClr val="bg1"/>
          </a:solidFill>
          <a:ln w="12700">
            <a:solidFill>
              <a:srgbClr val="FFCF3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rgbClr val="FFCF37"/>
                </a:solidFill>
              </a:rPr>
              <a:t>2</a:t>
            </a:r>
            <a:endParaRPr lang="en-US" sz="2400" dirty="0">
              <a:solidFill>
                <a:srgbClr val="FFCF37"/>
              </a:solidFill>
            </a:endParaRPr>
          </a:p>
        </p:txBody>
      </p:sp>
      <p:sp>
        <p:nvSpPr>
          <p:cNvPr id="62" name="Oval 61"/>
          <p:cNvSpPr/>
          <p:nvPr/>
        </p:nvSpPr>
        <p:spPr>
          <a:xfrm>
            <a:off x="9567703" y="2990646"/>
            <a:ext cx="360000" cy="360000"/>
          </a:xfrm>
          <a:prstGeom prst="ellipse">
            <a:avLst/>
          </a:prstGeom>
          <a:solidFill>
            <a:schemeClr val="bg1"/>
          </a:solidFill>
          <a:ln w="12700">
            <a:solidFill>
              <a:srgbClr val="CC339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rgbClr val="CC3399"/>
                </a:solidFill>
              </a:rPr>
              <a:t>4</a:t>
            </a:r>
            <a:endParaRPr lang="en-US" sz="2400" dirty="0">
              <a:solidFill>
                <a:srgbClr val="CC3399"/>
              </a:solidFill>
            </a:endParaRPr>
          </a:p>
        </p:txBody>
      </p:sp>
      <p:sp>
        <p:nvSpPr>
          <p:cNvPr id="63" name="Rectangle 62"/>
          <p:cNvSpPr/>
          <p:nvPr/>
        </p:nvSpPr>
        <p:spPr>
          <a:xfrm>
            <a:off x="1079160" y="4983524"/>
            <a:ext cx="2506777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Write down what this “1” covers (a project, a process, a step, a deliverable…)</a:t>
            </a:r>
            <a:endParaRPr lang="en-US" sz="1600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64" name="Rectangle 63"/>
          <p:cNvSpPr/>
          <p:nvPr/>
        </p:nvSpPr>
        <p:spPr>
          <a:xfrm>
            <a:off x="3490781" y="2165584"/>
            <a:ext cx="250677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</a:rPr>
              <a:t>Write down what this “2” covers. And so on…</a:t>
            </a:r>
            <a:endParaRPr lang="en-US" sz="1600" dirty="0">
              <a:solidFill>
                <a:schemeClr val="tx1">
                  <a:lumMod val="65000"/>
                  <a:lumOff val="35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7808766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Oval 58"/>
          <p:cNvSpPr/>
          <p:nvPr/>
        </p:nvSpPr>
        <p:spPr>
          <a:xfrm>
            <a:off x="2159554" y="4324350"/>
            <a:ext cx="360000" cy="360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7030A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rgbClr val="7030A0"/>
                </a:solidFill>
              </a:rPr>
              <a:t>1</a:t>
            </a:r>
            <a:endParaRPr lang="en-US" sz="2400" dirty="0">
              <a:solidFill>
                <a:srgbClr val="7030A0"/>
              </a:solidFill>
            </a:endParaRPr>
          </a:p>
        </p:txBody>
      </p:sp>
      <p:sp>
        <p:nvSpPr>
          <p:cNvPr id="61" name="Oval 60"/>
          <p:cNvSpPr/>
          <p:nvPr/>
        </p:nvSpPr>
        <p:spPr>
          <a:xfrm>
            <a:off x="7118396" y="4324350"/>
            <a:ext cx="360000" cy="360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rgbClr val="FF9933"/>
                </a:solidFill>
              </a:rPr>
              <a:t>3</a:t>
            </a:r>
            <a:endParaRPr lang="en-US" sz="2400" dirty="0">
              <a:solidFill>
                <a:srgbClr val="FF9933"/>
              </a:solidFill>
            </a:endParaRPr>
          </a:p>
        </p:txBody>
      </p:sp>
      <p:grpSp>
        <p:nvGrpSpPr>
          <p:cNvPr id="7" name="Group 6"/>
          <p:cNvGrpSpPr/>
          <p:nvPr/>
        </p:nvGrpSpPr>
        <p:grpSpPr>
          <a:xfrm>
            <a:off x="522514" y="3079546"/>
            <a:ext cx="11176000" cy="1244804"/>
            <a:chOff x="522514" y="3079546"/>
            <a:chExt cx="11176000" cy="1244804"/>
          </a:xfrm>
        </p:grpSpPr>
        <p:sp>
          <p:nvSpPr>
            <p:cNvPr id="3" name="Isosceles Triangle 2"/>
            <p:cNvSpPr/>
            <p:nvPr/>
          </p:nvSpPr>
          <p:spPr>
            <a:xfrm flipV="1">
              <a:off x="2196309" y="4115692"/>
              <a:ext cx="318291" cy="208658"/>
            </a:xfrm>
            <a:prstGeom prst="triangle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7" name="Isosceles Triangle 46"/>
            <p:cNvSpPr/>
            <p:nvPr/>
          </p:nvSpPr>
          <p:spPr>
            <a:xfrm rot="10800000" flipV="1">
              <a:off x="10030229" y="3445947"/>
              <a:ext cx="318291" cy="208658"/>
            </a:xfrm>
            <a:prstGeom prst="triangle">
              <a:avLst/>
            </a:prstGeom>
            <a:solidFill>
              <a:srgbClr val="FF0066"/>
            </a:solidFill>
            <a:ln>
              <a:solidFill>
                <a:srgbClr val="FF5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rgbClr val="F01025"/>
                </a:solidFill>
              </a:endParaRPr>
            </a:p>
          </p:txBody>
        </p:sp>
        <p:sp>
          <p:nvSpPr>
            <p:cNvPr id="6" name="Rounded Rectangle 5"/>
            <p:cNvSpPr/>
            <p:nvPr/>
          </p:nvSpPr>
          <p:spPr>
            <a:xfrm>
              <a:off x="522514" y="3636312"/>
              <a:ext cx="11176000" cy="478800"/>
            </a:xfrm>
            <a:prstGeom prst="roundRect">
              <a:avLst>
                <a:gd name="adj" fmla="val 46957"/>
              </a:avLst>
            </a:prstGeom>
            <a:gradFill>
              <a:gsLst>
                <a:gs pos="10000">
                  <a:srgbClr val="7030A0"/>
                </a:gs>
                <a:gs pos="37000">
                  <a:srgbClr val="FF6699"/>
                </a:gs>
                <a:gs pos="93750">
                  <a:srgbClr val="FF5050"/>
                </a:gs>
                <a:gs pos="66000">
                  <a:srgbClr val="FF9933"/>
                </a:gs>
              </a:gsLst>
              <a:lin ang="0" scaled="1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0" name="Isosceles Triangle 49"/>
            <p:cNvSpPr/>
            <p:nvPr/>
          </p:nvSpPr>
          <p:spPr>
            <a:xfrm rot="10800000" flipV="1">
              <a:off x="4594185" y="3445946"/>
              <a:ext cx="318291" cy="190366"/>
            </a:xfrm>
            <a:prstGeom prst="triangle">
              <a:avLst/>
            </a:prstGeom>
            <a:solidFill>
              <a:srgbClr val="FF669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6" name="Isosceles Triangle 55"/>
            <p:cNvSpPr/>
            <p:nvPr/>
          </p:nvSpPr>
          <p:spPr>
            <a:xfrm flipV="1">
              <a:off x="7127930" y="4115692"/>
              <a:ext cx="363216" cy="208658"/>
            </a:xfrm>
            <a:prstGeom prst="triangle">
              <a:avLst/>
            </a:prstGeom>
            <a:solidFill>
              <a:srgbClr val="FF993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0" name="Oval 59"/>
            <p:cNvSpPr/>
            <p:nvPr/>
          </p:nvSpPr>
          <p:spPr>
            <a:xfrm>
              <a:off x="4570131" y="3079546"/>
              <a:ext cx="360000" cy="360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FF6699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dirty="0" smtClean="0">
                  <a:solidFill>
                    <a:srgbClr val="FF6699"/>
                  </a:solidFill>
                </a:rPr>
                <a:t>2</a:t>
              </a:r>
              <a:endParaRPr lang="en-US" sz="2400" dirty="0">
                <a:solidFill>
                  <a:srgbClr val="FF6699"/>
                </a:solidFill>
              </a:endParaRPr>
            </a:p>
          </p:txBody>
        </p:sp>
        <p:sp>
          <p:nvSpPr>
            <p:cNvPr id="62" name="Oval 61"/>
            <p:cNvSpPr/>
            <p:nvPr/>
          </p:nvSpPr>
          <p:spPr>
            <a:xfrm>
              <a:off x="10003131" y="3079546"/>
              <a:ext cx="360000" cy="360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FF5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dirty="0" smtClean="0">
                  <a:solidFill>
                    <a:srgbClr val="FF5050"/>
                  </a:solidFill>
                </a:rPr>
                <a:t>4</a:t>
              </a:r>
              <a:endParaRPr lang="en-US" sz="2400" dirty="0">
                <a:solidFill>
                  <a:srgbClr val="FF5050"/>
                </a:solidFill>
              </a:endParaRPr>
            </a:p>
          </p:txBody>
        </p:sp>
      </p:grpSp>
      <p:sp>
        <p:nvSpPr>
          <p:cNvPr id="63" name="Rectangle 62"/>
          <p:cNvSpPr/>
          <p:nvPr/>
        </p:nvSpPr>
        <p:spPr>
          <a:xfrm>
            <a:off x="826748" y="4786495"/>
            <a:ext cx="3057411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rgbClr val="7030A0"/>
                </a:solidFill>
              </a:rPr>
              <a:t>Write down what this “1” covers (a project, a process, a step, a deliverable…)</a:t>
            </a:r>
            <a:endParaRPr lang="en-US" sz="1600" dirty="0">
              <a:solidFill>
                <a:srgbClr val="7030A0"/>
              </a:solidFill>
            </a:endParaRPr>
          </a:p>
        </p:txBody>
      </p:sp>
      <p:sp>
        <p:nvSpPr>
          <p:cNvPr id="64" name="Rectangle 63"/>
          <p:cNvSpPr/>
          <p:nvPr/>
        </p:nvSpPr>
        <p:spPr>
          <a:xfrm>
            <a:off x="3490781" y="2343732"/>
            <a:ext cx="250677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rgbClr val="FF6699"/>
                </a:solidFill>
              </a:rPr>
              <a:t>Write down what this “2” covers. And so on…</a:t>
            </a:r>
            <a:endParaRPr lang="en-US" sz="1600" dirty="0">
              <a:solidFill>
                <a:srgbClr val="FF6699"/>
              </a:solidFill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6152437" y="4786495"/>
            <a:ext cx="250677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rgbClr val="FFC000"/>
                </a:solidFill>
              </a:rPr>
              <a:t>Write down what this “3” covers. And so on…</a:t>
            </a:r>
            <a:endParaRPr lang="en-US" sz="1600" dirty="0">
              <a:solidFill>
                <a:srgbClr val="FFC000"/>
              </a:solidFill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8776840" y="2343732"/>
            <a:ext cx="250677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rgbClr val="FF5050"/>
                </a:solidFill>
              </a:rPr>
              <a:t>Write down what this “4” covers. </a:t>
            </a:r>
            <a:endParaRPr lang="en-US" sz="1600" dirty="0">
              <a:solidFill>
                <a:srgbClr val="FF5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731381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Oval 58"/>
          <p:cNvSpPr/>
          <p:nvPr/>
        </p:nvSpPr>
        <p:spPr>
          <a:xfrm>
            <a:off x="2159554" y="4324350"/>
            <a:ext cx="360000" cy="360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3DB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rgbClr val="003DB8"/>
                </a:solidFill>
              </a:rPr>
              <a:t>1</a:t>
            </a:r>
            <a:endParaRPr lang="en-US" sz="2400" dirty="0">
              <a:solidFill>
                <a:srgbClr val="003DB8"/>
              </a:solidFill>
            </a:endParaRPr>
          </a:p>
        </p:txBody>
      </p:sp>
      <p:sp>
        <p:nvSpPr>
          <p:cNvPr id="61" name="Oval 60"/>
          <p:cNvSpPr/>
          <p:nvPr/>
        </p:nvSpPr>
        <p:spPr>
          <a:xfrm>
            <a:off x="7118396" y="4324350"/>
            <a:ext cx="360000" cy="360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13AD9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rgbClr val="13AD93"/>
                </a:solidFill>
              </a:rPr>
              <a:t>3</a:t>
            </a:r>
            <a:endParaRPr lang="en-US" sz="2400" dirty="0">
              <a:solidFill>
                <a:srgbClr val="13AD93"/>
              </a:solidFill>
            </a:endParaRPr>
          </a:p>
        </p:txBody>
      </p:sp>
      <p:grpSp>
        <p:nvGrpSpPr>
          <p:cNvPr id="7" name="Group 6"/>
          <p:cNvGrpSpPr/>
          <p:nvPr/>
        </p:nvGrpSpPr>
        <p:grpSpPr>
          <a:xfrm>
            <a:off x="522514" y="3079546"/>
            <a:ext cx="11176000" cy="1244804"/>
            <a:chOff x="522514" y="3079546"/>
            <a:chExt cx="11176000" cy="1244804"/>
          </a:xfrm>
        </p:grpSpPr>
        <p:sp>
          <p:nvSpPr>
            <p:cNvPr id="3" name="Isosceles Triangle 2"/>
            <p:cNvSpPr/>
            <p:nvPr/>
          </p:nvSpPr>
          <p:spPr>
            <a:xfrm flipV="1">
              <a:off x="2196309" y="4115692"/>
              <a:ext cx="318291" cy="208658"/>
            </a:xfrm>
            <a:prstGeom prst="triangle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7" name="Isosceles Triangle 46"/>
            <p:cNvSpPr/>
            <p:nvPr/>
          </p:nvSpPr>
          <p:spPr>
            <a:xfrm rot="10800000" flipV="1">
              <a:off x="10030229" y="3445947"/>
              <a:ext cx="318291" cy="208658"/>
            </a:xfrm>
            <a:prstGeom prst="triangle">
              <a:avLst/>
            </a:prstGeom>
            <a:solidFill>
              <a:srgbClr val="00C85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n w="0"/>
                <a:solidFill>
                  <a:schemeClr val="accent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</a:endParaRPr>
            </a:p>
          </p:txBody>
        </p:sp>
        <p:sp>
          <p:nvSpPr>
            <p:cNvPr id="6" name="Rounded Rectangle 5"/>
            <p:cNvSpPr/>
            <p:nvPr/>
          </p:nvSpPr>
          <p:spPr>
            <a:xfrm>
              <a:off x="522514" y="3636312"/>
              <a:ext cx="11176000" cy="478800"/>
            </a:xfrm>
            <a:prstGeom prst="roundRect">
              <a:avLst>
                <a:gd name="adj" fmla="val 46957"/>
              </a:avLst>
            </a:prstGeom>
            <a:gradFill>
              <a:gsLst>
                <a:gs pos="10000">
                  <a:srgbClr val="003DB8"/>
                </a:gs>
                <a:gs pos="37000">
                  <a:srgbClr val="00B0F0"/>
                </a:gs>
                <a:gs pos="93750">
                  <a:srgbClr val="00C85A"/>
                </a:gs>
                <a:gs pos="66000">
                  <a:srgbClr val="13AD93"/>
                </a:gs>
              </a:gsLst>
              <a:lin ang="0" scaled="1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0" name="Isosceles Triangle 49"/>
            <p:cNvSpPr/>
            <p:nvPr/>
          </p:nvSpPr>
          <p:spPr>
            <a:xfrm rot="10800000" flipV="1">
              <a:off x="4594185" y="3445946"/>
              <a:ext cx="318291" cy="190366"/>
            </a:xfrm>
            <a:prstGeom prst="triangle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6" name="Isosceles Triangle 55"/>
            <p:cNvSpPr/>
            <p:nvPr/>
          </p:nvSpPr>
          <p:spPr>
            <a:xfrm flipV="1">
              <a:off x="7127930" y="4115692"/>
              <a:ext cx="363216" cy="208658"/>
            </a:xfrm>
            <a:prstGeom prst="triangle">
              <a:avLst/>
            </a:prstGeom>
            <a:solidFill>
              <a:srgbClr val="13AD9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0" name="Oval 59"/>
            <p:cNvSpPr/>
            <p:nvPr/>
          </p:nvSpPr>
          <p:spPr>
            <a:xfrm>
              <a:off x="4570131" y="3079546"/>
              <a:ext cx="360000" cy="360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F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dirty="0" smtClean="0">
                  <a:solidFill>
                    <a:srgbClr val="00B0F0"/>
                  </a:solidFill>
                </a:rPr>
                <a:t>2</a:t>
              </a:r>
              <a:endParaRPr lang="en-US" sz="2400" dirty="0">
                <a:solidFill>
                  <a:srgbClr val="00B0F0"/>
                </a:solidFill>
              </a:endParaRPr>
            </a:p>
          </p:txBody>
        </p:sp>
        <p:sp>
          <p:nvSpPr>
            <p:cNvPr id="62" name="Oval 61"/>
            <p:cNvSpPr/>
            <p:nvPr/>
          </p:nvSpPr>
          <p:spPr>
            <a:xfrm>
              <a:off x="10003131" y="3079546"/>
              <a:ext cx="360000" cy="360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C85A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dirty="0" smtClean="0">
                  <a:solidFill>
                    <a:srgbClr val="00C85A"/>
                  </a:solidFill>
                </a:rPr>
                <a:t>4</a:t>
              </a:r>
              <a:endParaRPr lang="en-US" sz="2400" dirty="0">
                <a:solidFill>
                  <a:srgbClr val="00C85A"/>
                </a:solidFill>
              </a:endParaRPr>
            </a:p>
          </p:txBody>
        </p:sp>
      </p:grpSp>
      <p:sp>
        <p:nvSpPr>
          <p:cNvPr id="63" name="Rectangle 62"/>
          <p:cNvSpPr/>
          <p:nvPr/>
        </p:nvSpPr>
        <p:spPr>
          <a:xfrm>
            <a:off x="826748" y="4786495"/>
            <a:ext cx="3057411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rgbClr val="003DB8"/>
                </a:solidFill>
                <a:latin typeface="Calibri" panose="020F0502020204030204" pitchFamily="34" charset="0"/>
              </a:rPr>
              <a:t>Write down what this “1” covers (a project, a process, a step, a deliverable…)</a:t>
            </a:r>
            <a:endParaRPr lang="en-US" sz="1600" dirty="0">
              <a:solidFill>
                <a:srgbClr val="003DB8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Rectangle 63"/>
          <p:cNvSpPr/>
          <p:nvPr/>
        </p:nvSpPr>
        <p:spPr>
          <a:xfrm>
            <a:off x="3490781" y="2343732"/>
            <a:ext cx="250677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rgbClr val="00B0F0"/>
                </a:solidFill>
                <a:latin typeface="Calibri" panose="020F0502020204030204" pitchFamily="34" charset="0"/>
              </a:rPr>
              <a:t>Write down what this “2” covers. And so on…</a:t>
            </a:r>
            <a:endParaRPr lang="en-US" sz="1600" dirty="0">
              <a:solidFill>
                <a:srgbClr val="00B0F0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6152437" y="4786495"/>
            <a:ext cx="250677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rgbClr val="13AD93"/>
                </a:solidFill>
                <a:latin typeface="Calibri" panose="020F0502020204030204" pitchFamily="34" charset="0"/>
              </a:rPr>
              <a:t>Write down what this “3” covers. And so on…</a:t>
            </a:r>
            <a:endParaRPr lang="en-US" sz="1600" dirty="0">
              <a:solidFill>
                <a:srgbClr val="13AD93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8776840" y="2343732"/>
            <a:ext cx="250677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rgbClr val="00C85A"/>
                </a:solidFill>
                <a:latin typeface="Calibri" panose="020F0502020204030204" pitchFamily="34" charset="0"/>
              </a:rPr>
              <a:t>Write down what this “4” covers. </a:t>
            </a:r>
            <a:endParaRPr lang="en-US" sz="1600" dirty="0">
              <a:solidFill>
                <a:srgbClr val="00C85A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0277780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Rounded Rectangle 37"/>
          <p:cNvSpPr/>
          <p:nvPr/>
        </p:nvSpPr>
        <p:spPr>
          <a:xfrm>
            <a:off x="978654" y="3636312"/>
            <a:ext cx="2744733" cy="478800"/>
          </a:xfrm>
          <a:prstGeom prst="roundRect">
            <a:avLst>
              <a:gd name="adj" fmla="val 46957"/>
            </a:avLst>
          </a:prstGeom>
          <a:solidFill>
            <a:srgbClr val="DF214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Rectangle 38"/>
          <p:cNvSpPr/>
          <p:nvPr/>
        </p:nvSpPr>
        <p:spPr>
          <a:xfrm rot="10800000">
            <a:off x="3532701" y="3636312"/>
            <a:ext cx="2520000" cy="4788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41" name="Rounded Rectangle 40"/>
          <p:cNvSpPr/>
          <p:nvPr/>
        </p:nvSpPr>
        <p:spPr>
          <a:xfrm>
            <a:off x="8379303" y="3636312"/>
            <a:ext cx="2743200" cy="478800"/>
          </a:xfrm>
          <a:prstGeom prst="roundRect">
            <a:avLst>
              <a:gd name="adj" fmla="val 46957"/>
            </a:avLst>
          </a:prstGeom>
          <a:solidFill>
            <a:srgbClr val="13AD9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Rectangle 41"/>
          <p:cNvSpPr/>
          <p:nvPr/>
        </p:nvSpPr>
        <p:spPr>
          <a:xfrm>
            <a:off x="6044159" y="3636312"/>
            <a:ext cx="2520000" cy="478800"/>
          </a:xfrm>
          <a:prstGeom prst="rect">
            <a:avLst/>
          </a:prstGeom>
          <a:solidFill>
            <a:srgbClr val="002D8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  <p:sp>
        <p:nvSpPr>
          <p:cNvPr id="45" name="Oval 44"/>
          <p:cNvSpPr/>
          <p:nvPr/>
        </p:nvSpPr>
        <p:spPr>
          <a:xfrm>
            <a:off x="2061877" y="3337870"/>
            <a:ext cx="540000" cy="540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DF214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rgbClr val="772ADE"/>
              </a:solidFill>
            </a:endParaRPr>
          </a:p>
        </p:txBody>
      </p:sp>
      <p:sp>
        <p:nvSpPr>
          <p:cNvPr id="46" name="Oval 45"/>
          <p:cNvSpPr/>
          <p:nvPr/>
        </p:nvSpPr>
        <p:spPr>
          <a:xfrm>
            <a:off x="4555852" y="3337870"/>
            <a:ext cx="540000" cy="540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FFCF3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rgbClr val="772ADE"/>
              </a:solidFill>
            </a:endParaRPr>
          </a:p>
        </p:txBody>
      </p:sp>
      <p:sp>
        <p:nvSpPr>
          <p:cNvPr id="47" name="Oval 46"/>
          <p:cNvSpPr/>
          <p:nvPr/>
        </p:nvSpPr>
        <p:spPr>
          <a:xfrm>
            <a:off x="7049827" y="3337870"/>
            <a:ext cx="540000" cy="540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2D8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rgbClr val="772ADE"/>
              </a:solidFill>
            </a:endParaRPr>
          </a:p>
        </p:txBody>
      </p:sp>
      <p:sp>
        <p:nvSpPr>
          <p:cNvPr id="48" name="Oval 47"/>
          <p:cNvSpPr/>
          <p:nvPr/>
        </p:nvSpPr>
        <p:spPr>
          <a:xfrm>
            <a:off x="9543802" y="3337870"/>
            <a:ext cx="540000" cy="540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13AD9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 dirty="0">
              <a:solidFill>
                <a:srgbClr val="772AD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481392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/>
          <p:nvPr/>
        </p:nvSpPr>
        <p:spPr>
          <a:xfrm>
            <a:off x="5142536" y="2422981"/>
            <a:ext cx="189013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Brought to you by </a:t>
            </a:r>
            <a:endParaRPr lang="en-US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3704851" y="3784714"/>
            <a:ext cx="476550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0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Check out</a:t>
            </a:r>
            <a:r>
              <a:rPr lang="en-US" b="0" baseline="0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 pptpop.com</a:t>
            </a:r>
            <a:r>
              <a:rPr lang="en-US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</a:p>
          <a:p>
            <a:pPr algn="ctr"/>
            <a:r>
              <a:rPr lang="en-US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Get access to solid strategies and templates </a:t>
            </a:r>
          </a:p>
          <a:p>
            <a:pPr algn="ctr"/>
            <a:r>
              <a:rPr lang="en-US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that will help you </a:t>
            </a:r>
            <a:r>
              <a:rPr lang="en-US" b="0" baseline="0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make irresistible presentations.</a:t>
            </a:r>
            <a:endParaRPr lang="en-US" b="0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4502956" y="2607647"/>
            <a:ext cx="3430556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8000" i="1" dirty="0" smtClean="0">
                <a:solidFill>
                  <a:srgbClr val="0070C0"/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PPTPOP</a:t>
            </a:r>
            <a:endParaRPr lang="en-US" sz="8000" i="1" dirty="0">
              <a:solidFill>
                <a:srgbClr val="0070C0"/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402066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ight Triangle 14"/>
          <p:cNvSpPr/>
          <p:nvPr/>
        </p:nvSpPr>
        <p:spPr>
          <a:xfrm flipH="1">
            <a:off x="0" y="2828909"/>
            <a:ext cx="12192000" cy="4028082"/>
          </a:xfrm>
          <a:custGeom>
            <a:avLst/>
            <a:gdLst>
              <a:gd name="connsiteX0" fmla="*/ 0 w 7010400"/>
              <a:gd name="connsiteY0" fmla="*/ 1827411 h 1827411"/>
              <a:gd name="connsiteX1" fmla="*/ 0 w 7010400"/>
              <a:gd name="connsiteY1" fmla="*/ 0 h 1827411"/>
              <a:gd name="connsiteX2" fmla="*/ 7010400 w 7010400"/>
              <a:gd name="connsiteY2" fmla="*/ 1827411 h 1827411"/>
              <a:gd name="connsiteX3" fmla="*/ 0 w 7010400"/>
              <a:gd name="connsiteY3" fmla="*/ 1827411 h 1827411"/>
              <a:gd name="connsiteX0" fmla="*/ 508000 w 7010400"/>
              <a:gd name="connsiteY0" fmla="*/ 1029126 h 1827411"/>
              <a:gd name="connsiteX1" fmla="*/ 0 w 7010400"/>
              <a:gd name="connsiteY1" fmla="*/ 0 h 1827411"/>
              <a:gd name="connsiteX2" fmla="*/ 7010400 w 7010400"/>
              <a:gd name="connsiteY2" fmla="*/ 1827411 h 1827411"/>
              <a:gd name="connsiteX3" fmla="*/ 508000 w 7010400"/>
              <a:gd name="connsiteY3" fmla="*/ 1029126 h 1827411"/>
              <a:gd name="connsiteX0" fmla="*/ 0 w 6502400"/>
              <a:gd name="connsiteY0" fmla="*/ 1000097 h 1798382"/>
              <a:gd name="connsiteX1" fmla="*/ 0 w 6502400"/>
              <a:gd name="connsiteY1" fmla="*/ 0 h 1798382"/>
              <a:gd name="connsiteX2" fmla="*/ 6502400 w 6502400"/>
              <a:gd name="connsiteY2" fmla="*/ 1798382 h 1798382"/>
              <a:gd name="connsiteX3" fmla="*/ 0 w 6502400"/>
              <a:gd name="connsiteY3" fmla="*/ 1000097 h 1798382"/>
              <a:gd name="connsiteX0" fmla="*/ 0 w 5602514"/>
              <a:gd name="connsiteY0" fmla="*/ 1000097 h 1856439"/>
              <a:gd name="connsiteX1" fmla="*/ 0 w 5602514"/>
              <a:gd name="connsiteY1" fmla="*/ 0 h 1856439"/>
              <a:gd name="connsiteX2" fmla="*/ 5602514 w 5602514"/>
              <a:gd name="connsiteY2" fmla="*/ 1856439 h 1856439"/>
              <a:gd name="connsiteX3" fmla="*/ 0 w 5602514"/>
              <a:gd name="connsiteY3" fmla="*/ 1000097 h 1856439"/>
              <a:gd name="connsiteX0" fmla="*/ 0 w 6110514"/>
              <a:gd name="connsiteY0" fmla="*/ 1000097 h 1740324"/>
              <a:gd name="connsiteX1" fmla="*/ 0 w 6110514"/>
              <a:gd name="connsiteY1" fmla="*/ 0 h 1740324"/>
              <a:gd name="connsiteX2" fmla="*/ 6110514 w 6110514"/>
              <a:gd name="connsiteY2" fmla="*/ 1740324 h 1740324"/>
              <a:gd name="connsiteX3" fmla="*/ 0 w 6110514"/>
              <a:gd name="connsiteY3" fmla="*/ 1000097 h 1740324"/>
              <a:gd name="connsiteX0" fmla="*/ 0 w 6110514"/>
              <a:gd name="connsiteY0" fmla="*/ 1000097 h 1740324"/>
              <a:gd name="connsiteX1" fmla="*/ 0 w 6110514"/>
              <a:gd name="connsiteY1" fmla="*/ 0 h 1740324"/>
              <a:gd name="connsiteX2" fmla="*/ 6110514 w 6110514"/>
              <a:gd name="connsiteY2" fmla="*/ 1740324 h 1740324"/>
              <a:gd name="connsiteX3" fmla="*/ 0 w 6110514"/>
              <a:gd name="connsiteY3" fmla="*/ 1000097 h 1740324"/>
              <a:gd name="connsiteX0" fmla="*/ 0 w 6110514"/>
              <a:gd name="connsiteY0" fmla="*/ 1000097 h 1740324"/>
              <a:gd name="connsiteX1" fmla="*/ 0 w 6110514"/>
              <a:gd name="connsiteY1" fmla="*/ 0 h 1740324"/>
              <a:gd name="connsiteX2" fmla="*/ 6110514 w 6110514"/>
              <a:gd name="connsiteY2" fmla="*/ 1740324 h 1740324"/>
              <a:gd name="connsiteX3" fmla="*/ 0 w 6110514"/>
              <a:gd name="connsiteY3" fmla="*/ 1000097 h 1740324"/>
              <a:gd name="connsiteX0" fmla="*/ 0 w 6110514"/>
              <a:gd name="connsiteY0" fmla="*/ 1000097 h 1740324"/>
              <a:gd name="connsiteX1" fmla="*/ 0 w 6110514"/>
              <a:gd name="connsiteY1" fmla="*/ 0 h 1740324"/>
              <a:gd name="connsiteX2" fmla="*/ 6110514 w 6110514"/>
              <a:gd name="connsiteY2" fmla="*/ 1740324 h 1740324"/>
              <a:gd name="connsiteX3" fmla="*/ 0 w 6110514"/>
              <a:gd name="connsiteY3" fmla="*/ 1000097 h 1740324"/>
              <a:gd name="connsiteX0" fmla="*/ 0 w 6110514"/>
              <a:gd name="connsiteY0" fmla="*/ 1000097 h 1740324"/>
              <a:gd name="connsiteX1" fmla="*/ 0 w 6110514"/>
              <a:gd name="connsiteY1" fmla="*/ 0 h 1740324"/>
              <a:gd name="connsiteX2" fmla="*/ 6110514 w 6110514"/>
              <a:gd name="connsiteY2" fmla="*/ 1740324 h 1740324"/>
              <a:gd name="connsiteX3" fmla="*/ 0 w 6110514"/>
              <a:gd name="connsiteY3" fmla="*/ 1000097 h 1740324"/>
              <a:gd name="connsiteX0" fmla="*/ 58057 w 6168571"/>
              <a:gd name="connsiteY0" fmla="*/ 1058154 h 1798381"/>
              <a:gd name="connsiteX1" fmla="*/ 0 w 6168571"/>
              <a:gd name="connsiteY1" fmla="*/ 0 h 1798381"/>
              <a:gd name="connsiteX2" fmla="*/ 6168571 w 6168571"/>
              <a:gd name="connsiteY2" fmla="*/ 1798381 h 1798381"/>
              <a:gd name="connsiteX3" fmla="*/ 58057 w 6168571"/>
              <a:gd name="connsiteY3" fmla="*/ 1058154 h 1798381"/>
              <a:gd name="connsiteX0" fmla="*/ 14514 w 6125028"/>
              <a:gd name="connsiteY0" fmla="*/ 1014612 h 1754839"/>
              <a:gd name="connsiteX1" fmla="*/ 0 w 6125028"/>
              <a:gd name="connsiteY1" fmla="*/ 0 h 1754839"/>
              <a:gd name="connsiteX2" fmla="*/ 6125028 w 6125028"/>
              <a:gd name="connsiteY2" fmla="*/ 1754839 h 1754839"/>
              <a:gd name="connsiteX3" fmla="*/ 14514 w 6125028"/>
              <a:gd name="connsiteY3" fmla="*/ 1014612 h 1754839"/>
              <a:gd name="connsiteX0" fmla="*/ 0 w 6110514"/>
              <a:gd name="connsiteY0" fmla="*/ 1000098 h 1740325"/>
              <a:gd name="connsiteX1" fmla="*/ 0 w 6110514"/>
              <a:gd name="connsiteY1" fmla="*/ 0 h 1740325"/>
              <a:gd name="connsiteX2" fmla="*/ 6110514 w 6110514"/>
              <a:gd name="connsiteY2" fmla="*/ 1740325 h 1740325"/>
              <a:gd name="connsiteX3" fmla="*/ 0 w 6110514"/>
              <a:gd name="connsiteY3" fmla="*/ 1000098 h 1740325"/>
              <a:gd name="connsiteX0" fmla="*/ 9525 w 6120039"/>
              <a:gd name="connsiteY0" fmla="*/ 981048 h 1721275"/>
              <a:gd name="connsiteX1" fmla="*/ 0 w 6120039"/>
              <a:gd name="connsiteY1" fmla="*/ 0 h 1721275"/>
              <a:gd name="connsiteX2" fmla="*/ 6120039 w 6120039"/>
              <a:gd name="connsiteY2" fmla="*/ 1721275 h 1721275"/>
              <a:gd name="connsiteX3" fmla="*/ 9525 w 6120039"/>
              <a:gd name="connsiteY3" fmla="*/ 981048 h 1721275"/>
              <a:gd name="connsiteX0" fmla="*/ 0 w 6110514"/>
              <a:gd name="connsiteY0" fmla="*/ 1028673 h 1768900"/>
              <a:gd name="connsiteX1" fmla="*/ 19050 w 6110514"/>
              <a:gd name="connsiteY1" fmla="*/ 0 h 1768900"/>
              <a:gd name="connsiteX2" fmla="*/ 6110514 w 6110514"/>
              <a:gd name="connsiteY2" fmla="*/ 1768900 h 1768900"/>
              <a:gd name="connsiteX3" fmla="*/ 0 w 6110514"/>
              <a:gd name="connsiteY3" fmla="*/ 1028673 h 1768900"/>
              <a:gd name="connsiteX0" fmla="*/ 9525 w 6120039"/>
              <a:gd name="connsiteY0" fmla="*/ 971523 h 1711750"/>
              <a:gd name="connsiteX1" fmla="*/ 0 w 6120039"/>
              <a:gd name="connsiteY1" fmla="*/ 0 h 1711750"/>
              <a:gd name="connsiteX2" fmla="*/ 6120039 w 6120039"/>
              <a:gd name="connsiteY2" fmla="*/ 1711750 h 1711750"/>
              <a:gd name="connsiteX3" fmla="*/ 9525 w 6120039"/>
              <a:gd name="connsiteY3" fmla="*/ 971523 h 1711750"/>
              <a:gd name="connsiteX0" fmla="*/ 0 w 6110514"/>
              <a:gd name="connsiteY0" fmla="*/ 1009623 h 1749850"/>
              <a:gd name="connsiteX1" fmla="*/ 19050 w 6110514"/>
              <a:gd name="connsiteY1" fmla="*/ 0 h 1749850"/>
              <a:gd name="connsiteX2" fmla="*/ 6110514 w 6110514"/>
              <a:gd name="connsiteY2" fmla="*/ 1749850 h 1749850"/>
              <a:gd name="connsiteX3" fmla="*/ 0 w 6110514"/>
              <a:gd name="connsiteY3" fmla="*/ 1009623 h 1749850"/>
              <a:gd name="connsiteX0" fmla="*/ 9525 w 6091464"/>
              <a:gd name="connsiteY0" fmla="*/ 1009623 h 1749850"/>
              <a:gd name="connsiteX1" fmla="*/ 0 w 6091464"/>
              <a:gd name="connsiteY1" fmla="*/ 0 h 1749850"/>
              <a:gd name="connsiteX2" fmla="*/ 6091464 w 6091464"/>
              <a:gd name="connsiteY2" fmla="*/ 1749850 h 1749850"/>
              <a:gd name="connsiteX3" fmla="*/ 9525 w 6091464"/>
              <a:gd name="connsiteY3" fmla="*/ 1009623 h 1749850"/>
              <a:gd name="connsiteX0" fmla="*/ 0 w 6091464"/>
              <a:gd name="connsiteY0" fmla="*/ 1009623 h 1749850"/>
              <a:gd name="connsiteX1" fmla="*/ 0 w 6091464"/>
              <a:gd name="connsiteY1" fmla="*/ 0 h 1749850"/>
              <a:gd name="connsiteX2" fmla="*/ 6091464 w 6091464"/>
              <a:gd name="connsiteY2" fmla="*/ 1749850 h 1749850"/>
              <a:gd name="connsiteX3" fmla="*/ 0 w 6091464"/>
              <a:gd name="connsiteY3" fmla="*/ 1009623 h 1749850"/>
              <a:gd name="connsiteX0" fmla="*/ 9521 w 6091464"/>
              <a:gd name="connsiteY0" fmla="*/ 1883489 h 2011611"/>
              <a:gd name="connsiteX1" fmla="*/ 0 w 6091464"/>
              <a:gd name="connsiteY1" fmla="*/ 0 h 2011611"/>
              <a:gd name="connsiteX2" fmla="*/ 6091464 w 6091464"/>
              <a:gd name="connsiteY2" fmla="*/ 1749850 h 2011611"/>
              <a:gd name="connsiteX3" fmla="*/ 9521 w 6091464"/>
              <a:gd name="connsiteY3" fmla="*/ 1883489 h 2011611"/>
              <a:gd name="connsiteX0" fmla="*/ 9521 w 6091464"/>
              <a:gd name="connsiteY0" fmla="*/ 1883489 h 1883489"/>
              <a:gd name="connsiteX1" fmla="*/ 0 w 6091464"/>
              <a:gd name="connsiteY1" fmla="*/ 0 h 1883489"/>
              <a:gd name="connsiteX2" fmla="*/ 6091464 w 6091464"/>
              <a:gd name="connsiteY2" fmla="*/ 1749850 h 1883489"/>
              <a:gd name="connsiteX3" fmla="*/ 9521 w 6091464"/>
              <a:gd name="connsiteY3" fmla="*/ 1883489 h 1883489"/>
              <a:gd name="connsiteX0" fmla="*/ 9521 w 6081943"/>
              <a:gd name="connsiteY0" fmla="*/ 1883489 h 1883489"/>
              <a:gd name="connsiteX1" fmla="*/ 0 w 6081943"/>
              <a:gd name="connsiteY1" fmla="*/ 0 h 1883489"/>
              <a:gd name="connsiteX2" fmla="*/ 6081943 w 6081943"/>
              <a:gd name="connsiteY2" fmla="*/ 1881400 h 1883489"/>
              <a:gd name="connsiteX3" fmla="*/ 9521 w 6081943"/>
              <a:gd name="connsiteY3" fmla="*/ 1883489 h 1883489"/>
              <a:gd name="connsiteX0" fmla="*/ 9521 w 6081943"/>
              <a:gd name="connsiteY0" fmla="*/ 1883489 h 1883489"/>
              <a:gd name="connsiteX1" fmla="*/ 0 w 6081943"/>
              <a:gd name="connsiteY1" fmla="*/ 0 h 1883489"/>
              <a:gd name="connsiteX2" fmla="*/ 6081943 w 6081943"/>
              <a:gd name="connsiteY2" fmla="*/ 1881400 h 1883489"/>
              <a:gd name="connsiteX3" fmla="*/ 6081503 w 6081943"/>
              <a:gd name="connsiteY3" fmla="*/ 1878020 h 1883489"/>
              <a:gd name="connsiteX4" fmla="*/ 9521 w 6081943"/>
              <a:gd name="connsiteY4" fmla="*/ 1883489 h 1883489"/>
              <a:gd name="connsiteX0" fmla="*/ 9521 w 6081943"/>
              <a:gd name="connsiteY0" fmla="*/ 1883489 h 2075348"/>
              <a:gd name="connsiteX1" fmla="*/ 0 w 6081943"/>
              <a:gd name="connsiteY1" fmla="*/ 0 h 2075348"/>
              <a:gd name="connsiteX2" fmla="*/ 6081943 w 6081943"/>
              <a:gd name="connsiteY2" fmla="*/ 1881400 h 2075348"/>
              <a:gd name="connsiteX3" fmla="*/ 6062460 w 6081943"/>
              <a:gd name="connsiteY3" fmla="*/ 2075344 h 2075348"/>
              <a:gd name="connsiteX4" fmla="*/ 9521 w 6081943"/>
              <a:gd name="connsiteY4" fmla="*/ 1883489 h 2075348"/>
              <a:gd name="connsiteX0" fmla="*/ 0 w 6100986"/>
              <a:gd name="connsiteY0" fmla="*/ 2080814 h 2080814"/>
              <a:gd name="connsiteX1" fmla="*/ 19043 w 6100986"/>
              <a:gd name="connsiteY1" fmla="*/ 0 h 2080814"/>
              <a:gd name="connsiteX2" fmla="*/ 6100986 w 6100986"/>
              <a:gd name="connsiteY2" fmla="*/ 1881400 h 2080814"/>
              <a:gd name="connsiteX3" fmla="*/ 6081503 w 6100986"/>
              <a:gd name="connsiteY3" fmla="*/ 2075344 h 2080814"/>
              <a:gd name="connsiteX4" fmla="*/ 0 w 6100986"/>
              <a:gd name="connsiteY4" fmla="*/ 2080814 h 2080814"/>
              <a:gd name="connsiteX0" fmla="*/ 0 w 6091465"/>
              <a:gd name="connsiteY0" fmla="*/ 2080814 h 2080814"/>
              <a:gd name="connsiteX1" fmla="*/ 9522 w 6091465"/>
              <a:gd name="connsiteY1" fmla="*/ 0 h 2080814"/>
              <a:gd name="connsiteX2" fmla="*/ 6091465 w 6091465"/>
              <a:gd name="connsiteY2" fmla="*/ 1881400 h 2080814"/>
              <a:gd name="connsiteX3" fmla="*/ 6071982 w 6091465"/>
              <a:gd name="connsiteY3" fmla="*/ 2075344 h 2080814"/>
              <a:gd name="connsiteX4" fmla="*/ 0 w 6091465"/>
              <a:gd name="connsiteY4" fmla="*/ 2080814 h 2080814"/>
              <a:gd name="connsiteX0" fmla="*/ 0 w 6091465"/>
              <a:gd name="connsiteY0" fmla="*/ 2080814 h 2080814"/>
              <a:gd name="connsiteX1" fmla="*/ 9522 w 6091465"/>
              <a:gd name="connsiteY1" fmla="*/ 0 h 2080814"/>
              <a:gd name="connsiteX2" fmla="*/ 6091465 w 6091465"/>
              <a:gd name="connsiteY2" fmla="*/ 1881400 h 2080814"/>
              <a:gd name="connsiteX3" fmla="*/ 6071982 w 6091465"/>
              <a:gd name="connsiteY3" fmla="*/ 2075344 h 2080814"/>
              <a:gd name="connsiteX4" fmla="*/ 0 w 6091465"/>
              <a:gd name="connsiteY4" fmla="*/ 2080814 h 2080814"/>
              <a:gd name="connsiteX0" fmla="*/ 0 w 6091465"/>
              <a:gd name="connsiteY0" fmla="*/ 2080814 h 2080814"/>
              <a:gd name="connsiteX1" fmla="*/ 9522 w 6091465"/>
              <a:gd name="connsiteY1" fmla="*/ 0 h 2080814"/>
              <a:gd name="connsiteX2" fmla="*/ 6091465 w 6091465"/>
              <a:gd name="connsiteY2" fmla="*/ 1881400 h 2080814"/>
              <a:gd name="connsiteX3" fmla="*/ 6071982 w 6091465"/>
              <a:gd name="connsiteY3" fmla="*/ 2075344 h 2080814"/>
              <a:gd name="connsiteX4" fmla="*/ 0 w 6091465"/>
              <a:gd name="connsiteY4" fmla="*/ 2080814 h 2080814"/>
              <a:gd name="connsiteX0" fmla="*/ 9521 w 6100986"/>
              <a:gd name="connsiteY0" fmla="*/ 2080814 h 2080814"/>
              <a:gd name="connsiteX1" fmla="*/ 0 w 6100986"/>
              <a:gd name="connsiteY1" fmla="*/ 0 h 2080814"/>
              <a:gd name="connsiteX2" fmla="*/ 6100986 w 6100986"/>
              <a:gd name="connsiteY2" fmla="*/ 1881400 h 2080814"/>
              <a:gd name="connsiteX3" fmla="*/ 6081503 w 6100986"/>
              <a:gd name="connsiteY3" fmla="*/ 2075344 h 2080814"/>
              <a:gd name="connsiteX4" fmla="*/ 9521 w 6100986"/>
              <a:gd name="connsiteY4" fmla="*/ 2080814 h 2080814"/>
              <a:gd name="connsiteX0" fmla="*/ 0 w 6091465"/>
              <a:gd name="connsiteY0" fmla="*/ 2080814 h 2080814"/>
              <a:gd name="connsiteX1" fmla="*/ 0 w 6091465"/>
              <a:gd name="connsiteY1" fmla="*/ 0 h 2080814"/>
              <a:gd name="connsiteX2" fmla="*/ 6091465 w 6091465"/>
              <a:gd name="connsiteY2" fmla="*/ 1881400 h 2080814"/>
              <a:gd name="connsiteX3" fmla="*/ 6071982 w 6091465"/>
              <a:gd name="connsiteY3" fmla="*/ 2075344 h 2080814"/>
              <a:gd name="connsiteX4" fmla="*/ 0 w 6091465"/>
              <a:gd name="connsiteY4" fmla="*/ 2080814 h 2080814"/>
              <a:gd name="connsiteX0" fmla="*/ 0 w 6100548"/>
              <a:gd name="connsiteY0" fmla="*/ 2080814 h 2080814"/>
              <a:gd name="connsiteX1" fmla="*/ 0 w 6100548"/>
              <a:gd name="connsiteY1" fmla="*/ 0 h 2080814"/>
              <a:gd name="connsiteX2" fmla="*/ 6091465 w 6100548"/>
              <a:gd name="connsiteY2" fmla="*/ 1881400 h 2080814"/>
              <a:gd name="connsiteX3" fmla="*/ 6100547 w 6100548"/>
              <a:gd name="connsiteY3" fmla="*/ 2075344 h 2080814"/>
              <a:gd name="connsiteX4" fmla="*/ 0 w 6100548"/>
              <a:gd name="connsiteY4" fmla="*/ 2080814 h 2080814"/>
              <a:gd name="connsiteX0" fmla="*/ 0 w 6100986"/>
              <a:gd name="connsiteY0" fmla="*/ 2080814 h 2080814"/>
              <a:gd name="connsiteX1" fmla="*/ 0 w 6100986"/>
              <a:gd name="connsiteY1" fmla="*/ 0 h 2080814"/>
              <a:gd name="connsiteX2" fmla="*/ 6100986 w 6100986"/>
              <a:gd name="connsiteY2" fmla="*/ 1881400 h 2080814"/>
              <a:gd name="connsiteX3" fmla="*/ 6100547 w 6100986"/>
              <a:gd name="connsiteY3" fmla="*/ 2075344 h 2080814"/>
              <a:gd name="connsiteX4" fmla="*/ 0 w 6100986"/>
              <a:gd name="connsiteY4" fmla="*/ 2080814 h 2080814"/>
              <a:gd name="connsiteX0" fmla="*/ 0 w 6100986"/>
              <a:gd name="connsiteY0" fmla="*/ 2080814 h 2080814"/>
              <a:gd name="connsiteX1" fmla="*/ 0 w 6100986"/>
              <a:gd name="connsiteY1" fmla="*/ 0 h 2080814"/>
              <a:gd name="connsiteX2" fmla="*/ 6100986 w 6100986"/>
              <a:gd name="connsiteY2" fmla="*/ 1881400 h 2080814"/>
              <a:gd name="connsiteX3" fmla="*/ 6100547 w 6100986"/>
              <a:gd name="connsiteY3" fmla="*/ 2080043 h 2080814"/>
              <a:gd name="connsiteX4" fmla="*/ 0 w 6100986"/>
              <a:gd name="connsiteY4" fmla="*/ 2080814 h 2080814"/>
              <a:gd name="connsiteX0" fmla="*/ 0 w 6100986"/>
              <a:gd name="connsiteY0" fmla="*/ 2080814 h 2080814"/>
              <a:gd name="connsiteX1" fmla="*/ 0 w 6100986"/>
              <a:gd name="connsiteY1" fmla="*/ 0 h 2080814"/>
              <a:gd name="connsiteX2" fmla="*/ 6100986 w 6100986"/>
              <a:gd name="connsiteY2" fmla="*/ 1806229 h 2080814"/>
              <a:gd name="connsiteX3" fmla="*/ 6100547 w 6100986"/>
              <a:gd name="connsiteY3" fmla="*/ 2080043 h 2080814"/>
              <a:gd name="connsiteX4" fmla="*/ 0 w 6100986"/>
              <a:gd name="connsiteY4" fmla="*/ 2080814 h 2080814"/>
              <a:gd name="connsiteX0" fmla="*/ 0 w 6100986"/>
              <a:gd name="connsiteY0" fmla="*/ 2080814 h 2080814"/>
              <a:gd name="connsiteX1" fmla="*/ 0 w 6100986"/>
              <a:gd name="connsiteY1" fmla="*/ 0 h 2080814"/>
              <a:gd name="connsiteX2" fmla="*/ 6100986 w 6100986"/>
              <a:gd name="connsiteY2" fmla="*/ 1806229 h 2080814"/>
              <a:gd name="connsiteX3" fmla="*/ 6100547 w 6100986"/>
              <a:gd name="connsiteY3" fmla="*/ 2080043 h 2080814"/>
              <a:gd name="connsiteX4" fmla="*/ 0 w 6100986"/>
              <a:gd name="connsiteY4" fmla="*/ 2080814 h 2080814"/>
              <a:gd name="connsiteX0" fmla="*/ 0 w 6100986"/>
              <a:gd name="connsiteY0" fmla="*/ 1986850 h 1986850"/>
              <a:gd name="connsiteX1" fmla="*/ 0 w 6100986"/>
              <a:gd name="connsiteY1" fmla="*/ 0 h 1986850"/>
              <a:gd name="connsiteX2" fmla="*/ 6100986 w 6100986"/>
              <a:gd name="connsiteY2" fmla="*/ 1712265 h 1986850"/>
              <a:gd name="connsiteX3" fmla="*/ 6100547 w 6100986"/>
              <a:gd name="connsiteY3" fmla="*/ 1986079 h 1986850"/>
              <a:gd name="connsiteX4" fmla="*/ 0 w 6100986"/>
              <a:gd name="connsiteY4" fmla="*/ 1986850 h 1986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100986" h="1986850">
                <a:moveTo>
                  <a:pt x="0" y="1986850"/>
                </a:moveTo>
                <a:lnTo>
                  <a:pt x="0" y="0"/>
                </a:lnTo>
                <a:cubicBezTo>
                  <a:pt x="1543352" y="1160680"/>
                  <a:pt x="3191083" y="1504492"/>
                  <a:pt x="6100986" y="1712265"/>
                </a:cubicBezTo>
                <a:cubicBezTo>
                  <a:pt x="6100839" y="1711138"/>
                  <a:pt x="6100694" y="1987206"/>
                  <a:pt x="6100547" y="1986079"/>
                </a:cubicBezTo>
                <a:lnTo>
                  <a:pt x="0" y="198685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5" name="Group 4"/>
          <p:cNvGrpSpPr/>
          <p:nvPr/>
        </p:nvGrpSpPr>
        <p:grpSpPr>
          <a:xfrm>
            <a:off x="602345" y="4856095"/>
            <a:ext cx="10885714" cy="1866900"/>
            <a:chOff x="3316491" y="4040721"/>
            <a:chExt cx="6184693" cy="1157632"/>
          </a:xfrm>
        </p:grpSpPr>
        <p:sp>
          <p:nvSpPr>
            <p:cNvPr id="6" name="Right Triangle 14"/>
            <p:cNvSpPr/>
            <p:nvPr/>
          </p:nvSpPr>
          <p:spPr>
            <a:xfrm flipH="1">
              <a:off x="3399970" y="4040721"/>
              <a:ext cx="6091464" cy="1157632"/>
            </a:xfrm>
            <a:custGeom>
              <a:avLst/>
              <a:gdLst>
                <a:gd name="connsiteX0" fmla="*/ 0 w 7010400"/>
                <a:gd name="connsiteY0" fmla="*/ 1827411 h 1827411"/>
                <a:gd name="connsiteX1" fmla="*/ 0 w 7010400"/>
                <a:gd name="connsiteY1" fmla="*/ 0 h 1827411"/>
                <a:gd name="connsiteX2" fmla="*/ 7010400 w 7010400"/>
                <a:gd name="connsiteY2" fmla="*/ 1827411 h 1827411"/>
                <a:gd name="connsiteX3" fmla="*/ 0 w 7010400"/>
                <a:gd name="connsiteY3" fmla="*/ 1827411 h 1827411"/>
                <a:gd name="connsiteX0" fmla="*/ 508000 w 7010400"/>
                <a:gd name="connsiteY0" fmla="*/ 1029126 h 1827411"/>
                <a:gd name="connsiteX1" fmla="*/ 0 w 7010400"/>
                <a:gd name="connsiteY1" fmla="*/ 0 h 1827411"/>
                <a:gd name="connsiteX2" fmla="*/ 7010400 w 7010400"/>
                <a:gd name="connsiteY2" fmla="*/ 1827411 h 1827411"/>
                <a:gd name="connsiteX3" fmla="*/ 508000 w 7010400"/>
                <a:gd name="connsiteY3" fmla="*/ 1029126 h 1827411"/>
                <a:gd name="connsiteX0" fmla="*/ 0 w 6502400"/>
                <a:gd name="connsiteY0" fmla="*/ 1000097 h 1798382"/>
                <a:gd name="connsiteX1" fmla="*/ 0 w 6502400"/>
                <a:gd name="connsiteY1" fmla="*/ 0 h 1798382"/>
                <a:gd name="connsiteX2" fmla="*/ 6502400 w 6502400"/>
                <a:gd name="connsiteY2" fmla="*/ 1798382 h 1798382"/>
                <a:gd name="connsiteX3" fmla="*/ 0 w 6502400"/>
                <a:gd name="connsiteY3" fmla="*/ 1000097 h 1798382"/>
                <a:gd name="connsiteX0" fmla="*/ 0 w 5602514"/>
                <a:gd name="connsiteY0" fmla="*/ 1000097 h 1856439"/>
                <a:gd name="connsiteX1" fmla="*/ 0 w 5602514"/>
                <a:gd name="connsiteY1" fmla="*/ 0 h 1856439"/>
                <a:gd name="connsiteX2" fmla="*/ 5602514 w 5602514"/>
                <a:gd name="connsiteY2" fmla="*/ 1856439 h 1856439"/>
                <a:gd name="connsiteX3" fmla="*/ 0 w 5602514"/>
                <a:gd name="connsiteY3" fmla="*/ 1000097 h 1856439"/>
                <a:gd name="connsiteX0" fmla="*/ 0 w 6110514"/>
                <a:gd name="connsiteY0" fmla="*/ 1000097 h 1740324"/>
                <a:gd name="connsiteX1" fmla="*/ 0 w 6110514"/>
                <a:gd name="connsiteY1" fmla="*/ 0 h 1740324"/>
                <a:gd name="connsiteX2" fmla="*/ 6110514 w 6110514"/>
                <a:gd name="connsiteY2" fmla="*/ 1740324 h 1740324"/>
                <a:gd name="connsiteX3" fmla="*/ 0 w 6110514"/>
                <a:gd name="connsiteY3" fmla="*/ 1000097 h 1740324"/>
                <a:gd name="connsiteX0" fmla="*/ 0 w 6110514"/>
                <a:gd name="connsiteY0" fmla="*/ 1000097 h 1740324"/>
                <a:gd name="connsiteX1" fmla="*/ 0 w 6110514"/>
                <a:gd name="connsiteY1" fmla="*/ 0 h 1740324"/>
                <a:gd name="connsiteX2" fmla="*/ 6110514 w 6110514"/>
                <a:gd name="connsiteY2" fmla="*/ 1740324 h 1740324"/>
                <a:gd name="connsiteX3" fmla="*/ 0 w 6110514"/>
                <a:gd name="connsiteY3" fmla="*/ 1000097 h 1740324"/>
                <a:gd name="connsiteX0" fmla="*/ 0 w 6110514"/>
                <a:gd name="connsiteY0" fmla="*/ 1000097 h 1740324"/>
                <a:gd name="connsiteX1" fmla="*/ 0 w 6110514"/>
                <a:gd name="connsiteY1" fmla="*/ 0 h 1740324"/>
                <a:gd name="connsiteX2" fmla="*/ 6110514 w 6110514"/>
                <a:gd name="connsiteY2" fmla="*/ 1740324 h 1740324"/>
                <a:gd name="connsiteX3" fmla="*/ 0 w 6110514"/>
                <a:gd name="connsiteY3" fmla="*/ 1000097 h 1740324"/>
                <a:gd name="connsiteX0" fmla="*/ 0 w 6110514"/>
                <a:gd name="connsiteY0" fmla="*/ 1000097 h 1740324"/>
                <a:gd name="connsiteX1" fmla="*/ 0 w 6110514"/>
                <a:gd name="connsiteY1" fmla="*/ 0 h 1740324"/>
                <a:gd name="connsiteX2" fmla="*/ 6110514 w 6110514"/>
                <a:gd name="connsiteY2" fmla="*/ 1740324 h 1740324"/>
                <a:gd name="connsiteX3" fmla="*/ 0 w 6110514"/>
                <a:gd name="connsiteY3" fmla="*/ 1000097 h 1740324"/>
                <a:gd name="connsiteX0" fmla="*/ 0 w 6110514"/>
                <a:gd name="connsiteY0" fmla="*/ 1000097 h 1740324"/>
                <a:gd name="connsiteX1" fmla="*/ 0 w 6110514"/>
                <a:gd name="connsiteY1" fmla="*/ 0 h 1740324"/>
                <a:gd name="connsiteX2" fmla="*/ 6110514 w 6110514"/>
                <a:gd name="connsiteY2" fmla="*/ 1740324 h 1740324"/>
                <a:gd name="connsiteX3" fmla="*/ 0 w 6110514"/>
                <a:gd name="connsiteY3" fmla="*/ 1000097 h 1740324"/>
                <a:gd name="connsiteX0" fmla="*/ 58057 w 6168571"/>
                <a:gd name="connsiteY0" fmla="*/ 1058154 h 1798381"/>
                <a:gd name="connsiteX1" fmla="*/ 0 w 6168571"/>
                <a:gd name="connsiteY1" fmla="*/ 0 h 1798381"/>
                <a:gd name="connsiteX2" fmla="*/ 6168571 w 6168571"/>
                <a:gd name="connsiteY2" fmla="*/ 1798381 h 1798381"/>
                <a:gd name="connsiteX3" fmla="*/ 58057 w 6168571"/>
                <a:gd name="connsiteY3" fmla="*/ 1058154 h 1798381"/>
                <a:gd name="connsiteX0" fmla="*/ 14514 w 6125028"/>
                <a:gd name="connsiteY0" fmla="*/ 1014612 h 1754839"/>
                <a:gd name="connsiteX1" fmla="*/ 0 w 6125028"/>
                <a:gd name="connsiteY1" fmla="*/ 0 h 1754839"/>
                <a:gd name="connsiteX2" fmla="*/ 6125028 w 6125028"/>
                <a:gd name="connsiteY2" fmla="*/ 1754839 h 1754839"/>
                <a:gd name="connsiteX3" fmla="*/ 14514 w 6125028"/>
                <a:gd name="connsiteY3" fmla="*/ 1014612 h 1754839"/>
                <a:gd name="connsiteX0" fmla="*/ 0 w 6110514"/>
                <a:gd name="connsiteY0" fmla="*/ 1000098 h 1740325"/>
                <a:gd name="connsiteX1" fmla="*/ 0 w 6110514"/>
                <a:gd name="connsiteY1" fmla="*/ 0 h 1740325"/>
                <a:gd name="connsiteX2" fmla="*/ 6110514 w 6110514"/>
                <a:gd name="connsiteY2" fmla="*/ 1740325 h 1740325"/>
                <a:gd name="connsiteX3" fmla="*/ 0 w 6110514"/>
                <a:gd name="connsiteY3" fmla="*/ 1000098 h 1740325"/>
                <a:gd name="connsiteX0" fmla="*/ 9525 w 6120039"/>
                <a:gd name="connsiteY0" fmla="*/ 981048 h 1721275"/>
                <a:gd name="connsiteX1" fmla="*/ 0 w 6120039"/>
                <a:gd name="connsiteY1" fmla="*/ 0 h 1721275"/>
                <a:gd name="connsiteX2" fmla="*/ 6120039 w 6120039"/>
                <a:gd name="connsiteY2" fmla="*/ 1721275 h 1721275"/>
                <a:gd name="connsiteX3" fmla="*/ 9525 w 6120039"/>
                <a:gd name="connsiteY3" fmla="*/ 981048 h 1721275"/>
                <a:gd name="connsiteX0" fmla="*/ 0 w 6110514"/>
                <a:gd name="connsiteY0" fmla="*/ 1028673 h 1768900"/>
                <a:gd name="connsiteX1" fmla="*/ 19050 w 6110514"/>
                <a:gd name="connsiteY1" fmla="*/ 0 h 1768900"/>
                <a:gd name="connsiteX2" fmla="*/ 6110514 w 6110514"/>
                <a:gd name="connsiteY2" fmla="*/ 1768900 h 1768900"/>
                <a:gd name="connsiteX3" fmla="*/ 0 w 6110514"/>
                <a:gd name="connsiteY3" fmla="*/ 1028673 h 1768900"/>
                <a:gd name="connsiteX0" fmla="*/ 9525 w 6120039"/>
                <a:gd name="connsiteY0" fmla="*/ 971523 h 1711750"/>
                <a:gd name="connsiteX1" fmla="*/ 0 w 6120039"/>
                <a:gd name="connsiteY1" fmla="*/ 0 h 1711750"/>
                <a:gd name="connsiteX2" fmla="*/ 6120039 w 6120039"/>
                <a:gd name="connsiteY2" fmla="*/ 1711750 h 1711750"/>
                <a:gd name="connsiteX3" fmla="*/ 9525 w 6120039"/>
                <a:gd name="connsiteY3" fmla="*/ 971523 h 1711750"/>
                <a:gd name="connsiteX0" fmla="*/ 0 w 6110514"/>
                <a:gd name="connsiteY0" fmla="*/ 1009623 h 1749850"/>
                <a:gd name="connsiteX1" fmla="*/ 19050 w 6110514"/>
                <a:gd name="connsiteY1" fmla="*/ 0 h 1749850"/>
                <a:gd name="connsiteX2" fmla="*/ 6110514 w 6110514"/>
                <a:gd name="connsiteY2" fmla="*/ 1749850 h 1749850"/>
                <a:gd name="connsiteX3" fmla="*/ 0 w 6110514"/>
                <a:gd name="connsiteY3" fmla="*/ 1009623 h 1749850"/>
                <a:gd name="connsiteX0" fmla="*/ 9525 w 6091464"/>
                <a:gd name="connsiteY0" fmla="*/ 1009623 h 1749850"/>
                <a:gd name="connsiteX1" fmla="*/ 0 w 6091464"/>
                <a:gd name="connsiteY1" fmla="*/ 0 h 1749850"/>
                <a:gd name="connsiteX2" fmla="*/ 6091464 w 6091464"/>
                <a:gd name="connsiteY2" fmla="*/ 1749850 h 1749850"/>
                <a:gd name="connsiteX3" fmla="*/ 9525 w 6091464"/>
                <a:gd name="connsiteY3" fmla="*/ 1009623 h 1749850"/>
                <a:gd name="connsiteX0" fmla="*/ 0 w 6091464"/>
                <a:gd name="connsiteY0" fmla="*/ 1009623 h 1749850"/>
                <a:gd name="connsiteX1" fmla="*/ 0 w 6091464"/>
                <a:gd name="connsiteY1" fmla="*/ 0 h 1749850"/>
                <a:gd name="connsiteX2" fmla="*/ 6091464 w 6091464"/>
                <a:gd name="connsiteY2" fmla="*/ 1749850 h 1749850"/>
                <a:gd name="connsiteX3" fmla="*/ 0 w 6091464"/>
                <a:gd name="connsiteY3" fmla="*/ 1009623 h 17498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091464" h="1749850">
                  <a:moveTo>
                    <a:pt x="0" y="1009623"/>
                  </a:moveTo>
                  <a:lnTo>
                    <a:pt x="0" y="0"/>
                  </a:lnTo>
                  <a:cubicBezTo>
                    <a:pt x="1543352" y="1160680"/>
                    <a:pt x="3343426" y="1372942"/>
                    <a:pt x="6091464" y="1749850"/>
                  </a:cubicBezTo>
                  <a:cubicBezTo>
                    <a:pt x="2937026" y="1677280"/>
                    <a:pt x="1020838" y="1386993"/>
                    <a:pt x="0" y="1009623"/>
                  </a:cubicBezTo>
                  <a:close/>
                </a:path>
              </a:pathLst>
            </a:custGeom>
            <a:gradFill flip="none" rotWithShape="1">
              <a:gsLst>
                <a:gs pos="86000">
                  <a:srgbClr val="00A278"/>
                </a:gs>
                <a:gs pos="13000">
                  <a:srgbClr val="750E9E"/>
                </a:gs>
                <a:gs pos="49000">
                  <a:srgbClr val="0F80E7"/>
                </a:gs>
              </a:gsLst>
              <a:lin ang="1350000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" name="Diagonal Stripe 12"/>
            <p:cNvSpPr/>
            <p:nvPr/>
          </p:nvSpPr>
          <p:spPr>
            <a:xfrm>
              <a:off x="3316491" y="4040721"/>
              <a:ext cx="6184693" cy="1154916"/>
            </a:xfrm>
            <a:custGeom>
              <a:avLst/>
              <a:gdLst>
                <a:gd name="connsiteX0" fmla="*/ 0 w 6858000"/>
                <a:gd name="connsiteY0" fmla="*/ 894347 h 1788693"/>
                <a:gd name="connsiteX1" fmla="*/ 3429000 w 6858000"/>
                <a:gd name="connsiteY1" fmla="*/ 0 h 1788693"/>
                <a:gd name="connsiteX2" fmla="*/ 6858000 w 6858000"/>
                <a:gd name="connsiteY2" fmla="*/ 0 h 1788693"/>
                <a:gd name="connsiteX3" fmla="*/ 0 w 6858000"/>
                <a:gd name="connsiteY3" fmla="*/ 1788693 h 1788693"/>
                <a:gd name="connsiteX4" fmla="*/ 0 w 6858000"/>
                <a:gd name="connsiteY4" fmla="*/ 894347 h 1788693"/>
                <a:gd name="connsiteX0" fmla="*/ 0 w 6858000"/>
                <a:gd name="connsiteY0" fmla="*/ 1112062 h 2006408"/>
                <a:gd name="connsiteX1" fmla="*/ 4996543 w 6858000"/>
                <a:gd name="connsiteY1" fmla="*/ 0 h 2006408"/>
                <a:gd name="connsiteX2" fmla="*/ 6858000 w 6858000"/>
                <a:gd name="connsiteY2" fmla="*/ 217715 h 2006408"/>
                <a:gd name="connsiteX3" fmla="*/ 0 w 6858000"/>
                <a:gd name="connsiteY3" fmla="*/ 2006408 h 2006408"/>
                <a:gd name="connsiteX4" fmla="*/ 0 w 6858000"/>
                <a:gd name="connsiteY4" fmla="*/ 1112062 h 2006408"/>
                <a:gd name="connsiteX0" fmla="*/ 0 w 6146800"/>
                <a:gd name="connsiteY0" fmla="*/ 1126575 h 2020921"/>
                <a:gd name="connsiteX1" fmla="*/ 4996543 w 6146800"/>
                <a:gd name="connsiteY1" fmla="*/ 14513 h 2020921"/>
                <a:gd name="connsiteX2" fmla="*/ 6146800 w 6146800"/>
                <a:gd name="connsiteY2" fmla="*/ 0 h 2020921"/>
                <a:gd name="connsiteX3" fmla="*/ 0 w 6146800"/>
                <a:gd name="connsiteY3" fmla="*/ 2020921 h 2020921"/>
                <a:gd name="connsiteX4" fmla="*/ 0 w 6146800"/>
                <a:gd name="connsiteY4" fmla="*/ 1126575 h 2020921"/>
                <a:gd name="connsiteX0" fmla="*/ 0 w 6146800"/>
                <a:gd name="connsiteY0" fmla="*/ 1126575 h 1600007"/>
                <a:gd name="connsiteX1" fmla="*/ 4996543 w 6146800"/>
                <a:gd name="connsiteY1" fmla="*/ 14513 h 1600007"/>
                <a:gd name="connsiteX2" fmla="*/ 6146800 w 6146800"/>
                <a:gd name="connsiteY2" fmla="*/ 0 h 1600007"/>
                <a:gd name="connsiteX3" fmla="*/ 711200 w 6146800"/>
                <a:gd name="connsiteY3" fmla="*/ 1600007 h 1600007"/>
                <a:gd name="connsiteX4" fmla="*/ 0 w 6146800"/>
                <a:gd name="connsiteY4" fmla="*/ 1126575 h 1600007"/>
                <a:gd name="connsiteX0" fmla="*/ 0 w 6509657"/>
                <a:gd name="connsiteY0" fmla="*/ 1416861 h 1600007"/>
                <a:gd name="connsiteX1" fmla="*/ 5359400 w 6509657"/>
                <a:gd name="connsiteY1" fmla="*/ 14513 h 1600007"/>
                <a:gd name="connsiteX2" fmla="*/ 6509657 w 6509657"/>
                <a:gd name="connsiteY2" fmla="*/ 0 h 1600007"/>
                <a:gd name="connsiteX3" fmla="*/ 1074057 w 6509657"/>
                <a:gd name="connsiteY3" fmla="*/ 1600007 h 1600007"/>
                <a:gd name="connsiteX4" fmla="*/ 0 w 6509657"/>
                <a:gd name="connsiteY4" fmla="*/ 1416861 h 1600007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09774"/>
                <a:gd name="connsiteY0" fmla="*/ 1402348 h 1832237"/>
                <a:gd name="connsiteX1" fmla="*/ 5388429 w 6509774"/>
                <a:gd name="connsiteY1" fmla="*/ 0 h 1832237"/>
                <a:gd name="connsiteX2" fmla="*/ 6509774 w 6509774"/>
                <a:gd name="connsiteY2" fmla="*/ 23587 h 1832237"/>
                <a:gd name="connsiteX3" fmla="*/ 0 w 6509774"/>
                <a:gd name="connsiteY3" fmla="*/ 1832237 h 1832237"/>
                <a:gd name="connsiteX4" fmla="*/ 29029 w 6509774"/>
                <a:gd name="connsiteY4" fmla="*/ 1402348 h 1832237"/>
                <a:gd name="connsiteX0" fmla="*/ 29029 w 6509774"/>
                <a:gd name="connsiteY0" fmla="*/ 1383298 h 1813187"/>
                <a:gd name="connsiteX1" fmla="*/ 5349880 w 6509774"/>
                <a:gd name="connsiteY1" fmla="*/ 0 h 1813187"/>
                <a:gd name="connsiteX2" fmla="*/ 6509774 w 6509774"/>
                <a:gd name="connsiteY2" fmla="*/ 4537 h 1813187"/>
                <a:gd name="connsiteX3" fmla="*/ 0 w 6509774"/>
                <a:gd name="connsiteY3" fmla="*/ 1813187 h 1813187"/>
                <a:gd name="connsiteX4" fmla="*/ 29029 w 6509774"/>
                <a:gd name="connsiteY4" fmla="*/ 1383298 h 1813187"/>
                <a:gd name="connsiteX0" fmla="*/ 29029 w 6514592"/>
                <a:gd name="connsiteY0" fmla="*/ 1388286 h 1818175"/>
                <a:gd name="connsiteX1" fmla="*/ 5349880 w 6514592"/>
                <a:gd name="connsiteY1" fmla="*/ 4988 h 1818175"/>
                <a:gd name="connsiteX2" fmla="*/ 6514592 w 6514592"/>
                <a:gd name="connsiteY2" fmla="*/ 0 h 1818175"/>
                <a:gd name="connsiteX3" fmla="*/ 0 w 6514592"/>
                <a:gd name="connsiteY3" fmla="*/ 1818175 h 1818175"/>
                <a:gd name="connsiteX4" fmla="*/ 29029 w 6514592"/>
                <a:gd name="connsiteY4" fmla="*/ 1388286 h 1818175"/>
                <a:gd name="connsiteX0" fmla="*/ 29029 w 6514592"/>
                <a:gd name="connsiteY0" fmla="*/ 1388286 h 1818175"/>
                <a:gd name="connsiteX1" fmla="*/ 5361927 w 6514592"/>
                <a:gd name="connsiteY1" fmla="*/ 2607 h 1818175"/>
                <a:gd name="connsiteX2" fmla="*/ 6514592 w 6514592"/>
                <a:gd name="connsiteY2" fmla="*/ 0 h 1818175"/>
                <a:gd name="connsiteX3" fmla="*/ 0 w 6514592"/>
                <a:gd name="connsiteY3" fmla="*/ 1818175 h 1818175"/>
                <a:gd name="connsiteX4" fmla="*/ 29029 w 6514592"/>
                <a:gd name="connsiteY4" fmla="*/ 1388286 h 1818175"/>
                <a:gd name="connsiteX0" fmla="*/ 29029 w 6514592"/>
                <a:gd name="connsiteY0" fmla="*/ 1388286 h 1818175"/>
                <a:gd name="connsiteX1" fmla="*/ 5369155 w 6514592"/>
                <a:gd name="connsiteY1" fmla="*/ 225 h 1818175"/>
                <a:gd name="connsiteX2" fmla="*/ 6514592 w 6514592"/>
                <a:gd name="connsiteY2" fmla="*/ 0 h 1818175"/>
                <a:gd name="connsiteX3" fmla="*/ 0 w 6514592"/>
                <a:gd name="connsiteY3" fmla="*/ 1818175 h 1818175"/>
                <a:gd name="connsiteX4" fmla="*/ 29029 w 6514592"/>
                <a:gd name="connsiteY4" fmla="*/ 1388286 h 1818175"/>
                <a:gd name="connsiteX0" fmla="*/ 256973 w 6514592"/>
                <a:gd name="connsiteY0" fmla="*/ 1375034 h 1818175"/>
                <a:gd name="connsiteX1" fmla="*/ 5369155 w 6514592"/>
                <a:gd name="connsiteY1" fmla="*/ 225 h 1818175"/>
                <a:gd name="connsiteX2" fmla="*/ 6514592 w 6514592"/>
                <a:gd name="connsiteY2" fmla="*/ 0 h 1818175"/>
                <a:gd name="connsiteX3" fmla="*/ 0 w 6514592"/>
                <a:gd name="connsiteY3" fmla="*/ 1818175 h 1818175"/>
                <a:gd name="connsiteX4" fmla="*/ 256973 w 6514592"/>
                <a:gd name="connsiteY4" fmla="*/ 1375034 h 1818175"/>
                <a:gd name="connsiteX0" fmla="*/ 0 w 6257619"/>
                <a:gd name="connsiteY0" fmla="*/ 1375034 h 1765167"/>
                <a:gd name="connsiteX1" fmla="*/ 5112182 w 6257619"/>
                <a:gd name="connsiteY1" fmla="*/ 225 h 1765167"/>
                <a:gd name="connsiteX2" fmla="*/ 6257619 w 6257619"/>
                <a:gd name="connsiteY2" fmla="*/ 0 h 1765167"/>
                <a:gd name="connsiteX3" fmla="*/ 212322 w 6257619"/>
                <a:gd name="connsiteY3" fmla="*/ 1765167 h 1765167"/>
                <a:gd name="connsiteX4" fmla="*/ 0 w 6257619"/>
                <a:gd name="connsiteY4" fmla="*/ 1375034 h 1765167"/>
                <a:gd name="connsiteX0" fmla="*/ 0 w 6257619"/>
                <a:gd name="connsiteY0" fmla="*/ 1375034 h 1751915"/>
                <a:gd name="connsiteX1" fmla="*/ 5112182 w 6257619"/>
                <a:gd name="connsiteY1" fmla="*/ 225 h 1751915"/>
                <a:gd name="connsiteX2" fmla="*/ 6257619 w 6257619"/>
                <a:gd name="connsiteY2" fmla="*/ 0 h 1751915"/>
                <a:gd name="connsiteX3" fmla="*/ 131872 w 6257619"/>
                <a:gd name="connsiteY3" fmla="*/ 1751915 h 1751915"/>
                <a:gd name="connsiteX4" fmla="*/ 0 w 6257619"/>
                <a:gd name="connsiteY4" fmla="*/ 1375034 h 1751915"/>
                <a:gd name="connsiteX0" fmla="*/ 0 w 6257619"/>
                <a:gd name="connsiteY0" fmla="*/ 1375034 h 1757402"/>
                <a:gd name="connsiteX1" fmla="*/ 5112182 w 6257619"/>
                <a:gd name="connsiteY1" fmla="*/ 225 h 1757402"/>
                <a:gd name="connsiteX2" fmla="*/ 6257619 w 6257619"/>
                <a:gd name="connsiteY2" fmla="*/ 0 h 1757402"/>
                <a:gd name="connsiteX3" fmla="*/ 99051 w 6257619"/>
                <a:gd name="connsiteY3" fmla="*/ 1757402 h 1757402"/>
                <a:gd name="connsiteX4" fmla="*/ 0 w 6257619"/>
                <a:gd name="connsiteY4" fmla="*/ 1375034 h 17574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257619" h="1757402">
                  <a:moveTo>
                    <a:pt x="0" y="1375034"/>
                  </a:moveTo>
                  <a:cubicBezTo>
                    <a:pt x="1612295" y="1168841"/>
                    <a:pt x="3485372" y="1062760"/>
                    <a:pt x="5112182" y="225"/>
                  </a:cubicBezTo>
                  <a:lnTo>
                    <a:pt x="6257619" y="0"/>
                  </a:lnTo>
                  <a:cubicBezTo>
                    <a:pt x="5251866" y="1167126"/>
                    <a:pt x="2340094" y="1475647"/>
                    <a:pt x="99051" y="1757402"/>
                  </a:cubicBezTo>
                  <a:lnTo>
                    <a:pt x="0" y="1375034"/>
                  </a:lnTo>
                  <a:close/>
                </a:path>
              </a:pathLst>
            </a:custGeom>
            <a:gradFill flip="none" rotWithShape="1">
              <a:gsLst>
                <a:gs pos="7000">
                  <a:srgbClr val="B01DEB"/>
                </a:gs>
                <a:gs pos="86000">
                  <a:srgbClr val="00C992"/>
                </a:gs>
                <a:gs pos="51000">
                  <a:srgbClr val="0AA4E8"/>
                </a:gs>
              </a:gsLst>
              <a:lin ang="1890000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cxnSp>
        <p:nvCxnSpPr>
          <p:cNvPr id="8" name="Straight Connector 7"/>
          <p:cNvCxnSpPr/>
          <p:nvPr/>
        </p:nvCxnSpPr>
        <p:spPr>
          <a:xfrm flipV="1">
            <a:off x="2825858" y="5131273"/>
            <a:ext cx="0" cy="738108"/>
          </a:xfrm>
          <a:prstGeom prst="line">
            <a:avLst/>
          </a:prstGeom>
          <a:ln w="9525">
            <a:solidFill>
              <a:schemeClr val="bg1">
                <a:lumMod val="6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 flipV="1">
            <a:off x="5037113" y="4601661"/>
            <a:ext cx="0" cy="1082365"/>
          </a:xfrm>
          <a:prstGeom prst="line">
            <a:avLst/>
          </a:prstGeom>
          <a:ln w="9525">
            <a:solidFill>
              <a:schemeClr val="bg1">
                <a:lumMod val="6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 flipV="1">
            <a:off x="7331213" y="4087027"/>
            <a:ext cx="0" cy="1334500"/>
          </a:xfrm>
          <a:prstGeom prst="line">
            <a:avLst/>
          </a:prstGeom>
          <a:ln w="9525">
            <a:solidFill>
              <a:schemeClr val="bg1">
                <a:lumMod val="6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V="1">
            <a:off x="9433119" y="3402611"/>
            <a:ext cx="0" cy="1334500"/>
          </a:xfrm>
          <a:prstGeom prst="line">
            <a:avLst/>
          </a:prstGeom>
          <a:ln w="9525">
            <a:solidFill>
              <a:schemeClr val="bg1">
                <a:lumMod val="6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/>
        </p:nvSpPr>
        <p:spPr>
          <a:xfrm>
            <a:off x="8402340" y="2809859"/>
            <a:ext cx="20615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b="1" dirty="0" smtClean="0">
                <a:solidFill>
                  <a:srgbClr val="01C39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XAMPLE TEXT</a:t>
            </a: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/>
            </a:r>
            <a:b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dd your text here</a:t>
            </a:r>
            <a:endParaRPr lang="en-US" sz="1400" dirty="0">
              <a:solidFill>
                <a:schemeClr val="tx1">
                  <a:lumMod val="65000"/>
                  <a:lumOff val="35000"/>
                </a:schemeClr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1754966" y="4516881"/>
            <a:ext cx="20615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b="1" dirty="0" smtClean="0">
                <a:solidFill>
                  <a:srgbClr val="750E9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XAMPLE TEXT</a:t>
            </a: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/>
            </a:r>
            <a:b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dd your text here</a:t>
            </a:r>
            <a:endParaRPr lang="en-US" sz="1400" dirty="0">
              <a:solidFill>
                <a:schemeClr val="tx1">
                  <a:lumMod val="65000"/>
                  <a:lumOff val="35000"/>
                </a:schemeClr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4042872" y="4012711"/>
            <a:ext cx="20615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b="1" dirty="0" smtClean="0">
                <a:solidFill>
                  <a:srgbClr val="5A62E9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XAMPLE TEXT</a:t>
            </a: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/>
            </a:r>
            <a:b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dd your text here</a:t>
            </a:r>
            <a:endParaRPr lang="en-US" sz="1400" dirty="0">
              <a:solidFill>
                <a:schemeClr val="tx1">
                  <a:lumMod val="65000"/>
                  <a:lumOff val="35000"/>
                </a:schemeClr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6300434" y="3468870"/>
            <a:ext cx="20615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b="1" dirty="0" smtClean="0">
                <a:solidFill>
                  <a:srgbClr val="08A9DB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XAMPLE TEXT</a:t>
            </a: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/>
            </a:r>
            <a:b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dd your text here</a:t>
            </a:r>
            <a:endParaRPr lang="en-US" sz="1400" dirty="0">
              <a:solidFill>
                <a:schemeClr val="tx1">
                  <a:lumMod val="65000"/>
                  <a:lumOff val="35000"/>
                </a:schemeClr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6" name="Oval 15"/>
          <p:cNvSpPr/>
          <p:nvPr/>
        </p:nvSpPr>
        <p:spPr>
          <a:xfrm>
            <a:off x="7026264" y="5180942"/>
            <a:ext cx="648000" cy="648000"/>
          </a:xfrm>
          <a:prstGeom prst="ellipse">
            <a:avLst/>
          </a:prstGeom>
          <a:solidFill>
            <a:srgbClr val="08A9DB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 smtClean="0">
                <a:solidFill>
                  <a:schemeClr val="bg1"/>
                </a:solidFill>
              </a:rPr>
              <a:t>3</a:t>
            </a:r>
            <a:endParaRPr lang="en-US" sz="2000" dirty="0">
              <a:solidFill>
                <a:schemeClr val="bg1"/>
              </a:solidFill>
            </a:endParaRPr>
          </a:p>
        </p:txBody>
      </p:sp>
      <p:sp>
        <p:nvSpPr>
          <p:cNvPr id="17" name="Oval 16"/>
          <p:cNvSpPr/>
          <p:nvPr/>
        </p:nvSpPr>
        <p:spPr>
          <a:xfrm>
            <a:off x="9109120" y="4628192"/>
            <a:ext cx="648000" cy="648000"/>
          </a:xfrm>
          <a:prstGeom prst="ellipse">
            <a:avLst/>
          </a:prstGeom>
          <a:solidFill>
            <a:srgbClr val="01C39E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 smtClean="0">
                <a:solidFill>
                  <a:schemeClr val="bg1"/>
                </a:solidFill>
              </a:rPr>
              <a:t>4</a:t>
            </a:r>
            <a:endParaRPr lang="en-US" sz="2000" dirty="0">
              <a:solidFill>
                <a:schemeClr val="bg1"/>
              </a:solidFill>
            </a:endParaRPr>
          </a:p>
        </p:txBody>
      </p:sp>
      <p:sp>
        <p:nvSpPr>
          <p:cNvPr id="18" name="Oval 17"/>
          <p:cNvSpPr/>
          <p:nvPr/>
        </p:nvSpPr>
        <p:spPr>
          <a:xfrm>
            <a:off x="2501858" y="5831281"/>
            <a:ext cx="648000" cy="648000"/>
          </a:xfrm>
          <a:prstGeom prst="ellipse">
            <a:avLst/>
          </a:prstGeom>
          <a:solidFill>
            <a:srgbClr val="992FEB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 smtClean="0"/>
              <a:t>1</a:t>
            </a:r>
            <a:endParaRPr lang="en-US" sz="2000" dirty="0"/>
          </a:p>
        </p:txBody>
      </p:sp>
      <p:sp>
        <p:nvSpPr>
          <p:cNvPr id="19" name="Oval 18"/>
          <p:cNvSpPr/>
          <p:nvPr/>
        </p:nvSpPr>
        <p:spPr>
          <a:xfrm>
            <a:off x="4713113" y="5577205"/>
            <a:ext cx="648000" cy="648000"/>
          </a:xfrm>
          <a:prstGeom prst="ellipse">
            <a:avLst/>
          </a:prstGeom>
          <a:solidFill>
            <a:srgbClr val="5A62E9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 smtClean="0"/>
              <a:t>2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37806489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ight Triangle 14"/>
          <p:cNvSpPr/>
          <p:nvPr/>
        </p:nvSpPr>
        <p:spPr>
          <a:xfrm flipH="1">
            <a:off x="0" y="2828909"/>
            <a:ext cx="12192000" cy="4028082"/>
          </a:xfrm>
          <a:custGeom>
            <a:avLst/>
            <a:gdLst>
              <a:gd name="connsiteX0" fmla="*/ 0 w 7010400"/>
              <a:gd name="connsiteY0" fmla="*/ 1827411 h 1827411"/>
              <a:gd name="connsiteX1" fmla="*/ 0 w 7010400"/>
              <a:gd name="connsiteY1" fmla="*/ 0 h 1827411"/>
              <a:gd name="connsiteX2" fmla="*/ 7010400 w 7010400"/>
              <a:gd name="connsiteY2" fmla="*/ 1827411 h 1827411"/>
              <a:gd name="connsiteX3" fmla="*/ 0 w 7010400"/>
              <a:gd name="connsiteY3" fmla="*/ 1827411 h 1827411"/>
              <a:gd name="connsiteX0" fmla="*/ 508000 w 7010400"/>
              <a:gd name="connsiteY0" fmla="*/ 1029126 h 1827411"/>
              <a:gd name="connsiteX1" fmla="*/ 0 w 7010400"/>
              <a:gd name="connsiteY1" fmla="*/ 0 h 1827411"/>
              <a:gd name="connsiteX2" fmla="*/ 7010400 w 7010400"/>
              <a:gd name="connsiteY2" fmla="*/ 1827411 h 1827411"/>
              <a:gd name="connsiteX3" fmla="*/ 508000 w 7010400"/>
              <a:gd name="connsiteY3" fmla="*/ 1029126 h 1827411"/>
              <a:gd name="connsiteX0" fmla="*/ 0 w 6502400"/>
              <a:gd name="connsiteY0" fmla="*/ 1000097 h 1798382"/>
              <a:gd name="connsiteX1" fmla="*/ 0 w 6502400"/>
              <a:gd name="connsiteY1" fmla="*/ 0 h 1798382"/>
              <a:gd name="connsiteX2" fmla="*/ 6502400 w 6502400"/>
              <a:gd name="connsiteY2" fmla="*/ 1798382 h 1798382"/>
              <a:gd name="connsiteX3" fmla="*/ 0 w 6502400"/>
              <a:gd name="connsiteY3" fmla="*/ 1000097 h 1798382"/>
              <a:gd name="connsiteX0" fmla="*/ 0 w 5602514"/>
              <a:gd name="connsiteY0" fmla="*/ 1000097 h 1856439"/>
              <a:gd name="connsiteX1" fmla="*/ 0 w 5602514"/>
              <a:gd name="connsiteY1" fmla="*/ 0 h 1856439"/>
              <a:gd name="connsiteX2" fmla="*/ 5602514 w 5602514"/>
              <a:gd name="connsiteY2" fmla="*/ 1856439 h 1856439"/>
              <a:gd name="connsiteX3" fmla="*/ 0 w 5602514"/>
              <a:gd name="connsiteY3" fmla="*/ 1000097 h 1856439"/>
              <a:gd name="connsiteX0" fmla="*/ 0 w 6110514"/>
              <a:gd name="connsiteY0" fmla="*/ 1000097 h 1740324"/>
              <a:gd name="connsiteX1" fmla="*/ 0 w 6110514"/>
              <a:gd name="connsiteY1" fmla="*/ 0 h 1740324"/>
              <a:gd name="connsiteX2" fmla="*/ 6110514 w 6110514"/>
              <a:gd name="connsiteY2" fmla="*/ 1740324 h 1740324"/>
              <a:gd name="connsiteX3" fmla="*/ 0 w 6110514"/>
              <a:gd name="connsiteY3" fmla="*/ 1000097 h 1740324"/>
              <a:gd name="connsiteX0" fmla="*/ 0 w 6110514"/>
              <a:gd name="connsiteY0" fmla="*/ 1000097 h 1740324"/>
              <a:gd name="connsiteX1" fmla="*/ 0 w 6110514"/>
              <a:gd name="connsiteY1" fmla="*/ 0 h 1740324"/>
              <a:gd name="connsiteX2" fmla="*/ 6110514 w 6110514"/>
              <a:gd name="connsiteY2" fmla="*/ 1740324 h 1740324"/>
              <a:gd name="connsiteX3" fmla="*/ 0 w 6110514"/>
              <a:gd name="connsiteY3" fmla="*/ 1000097 h 1740324"/>
              <a:gd name="connsiteX0" fmla="*/ 0 w 6110514"/>
              <a:gd name="connsiteY0" fmla="*/ 1000097 h 1740324"/>
              <a:gd name="connsiteX1" fmla="*/ 0 w 6110514"/>
              <a:gd name="connsiteY1" fmla="*/ 0 h 1740324"/>
              <a:gd name="connsiteX2" fmla="*/ 6110514 w 6110514"/>
              <a:gd name="connsiteY2" fmla="*/ 1740324 h 1740324"/>
              <a:gd name="connsiteX3" fmla="*/ 0 w 6110514"/>
              <a:gd name="connsiteY3" fmla="*/ 1000097 h 1740324"/>
              <a:gd name="connsiteX0" fmla="*/ 0 w 6110514"/>
              <a:gd name="connsiteY0" fmla="*/ 1000097 h 1740324"/>
              <a:gd name="connsiteX1" fmla="*/ 0 w 6110514"/>
              <a:gd name="connsiteY1" fmla="*/ 0 h 1740324"/>
              <a:gd name="connsiteX2" fmla="*/ 6110514 w 6110514"/>
              <a:gd name="connsiteY2" fmla="*/ 1740324 h 1740324"/>
              <a:gd name="connsiteX3" fmla="*/ 0 w 6110514"/>
              <a:gd name="connsiteY3" fmla="*/ 1000097 h 1740324"/>
              <a:gd name="connsiteX0" fmla="*/ 0 w 6110514"/>
              <a:gd name="connsiteY0" fmla="*/ 1000097 h 1740324"/>
              <a:gd name="connsiteX1" fmla="*/ 0 w 6110514"/>
              <a:gd name="connsiteY1" fmla="*/ 0 h 1740324"/>
              <a:gd name="connsiteX2" fmla="*/ 6110514 w 6110514"/>
              <a:gd name="connsiteY2" fmla="*/ 1740324 h 1740324"/>
              <a:gd name="connsiteX3" fmla="*/ 0 w 6110514"/>
              <a:gd name="connsiteY3" fmla="*/ 1000097 h 1740324"/>
              <a:gd name="connsiteX0" fmla="*/ 58057 w 6168571"/>
              <a:gd name="connsiteY0" fmla="*/ 1058154 h 1798381"/>
              <a:gd name="connsiteX1" fmla="*/ 0 w 6168571"/>
              <a:gd name="connsiteY1" fmla="*/ 0 h 1798381"/>
              <a:gd name="connsiteX2" fmla="*/ 6168571 w 6168571"/>
              <a:gd name="connsiteY2" fmla="*/ 1798381 h 1798381"/>
              <a:gd name="connsiteX3" fmla="*/ 58057 w 6168571"/>
              <a:gd name="connsiteY3" fmla="*/ 1058154 h 1798381"/>
              <a:gd name="connsiteX0" fmla="*/ 14514 w 6125028"/>
              <a:gd name="connsiteY0" fmla="*/ 1014612 h 1754839"/>
              <a:gd name="connsiteX1" fmla="*/ 0 w 6125028"/>
              <a:gd name="connsiteY1" fmla="*/ 0 h 1754839"/>
              <a:gd name="connsiteX2" fmla="*/ 6125028 w 6125028"/>
              <a:gd name="connsiteY2" fmla="*/ 1754839 h 1754839"/>
              <a:gd name="connsiteX3" fmla="*/ 14514 w 6125028"/>
              <a:gd name="connsiteY3" fmla="*/ 1014612 h 1754839"/>
              <a:gd name="connsiteX0" fmla="*/ 0 w 6110514"/>
              <a:gd name="connsiteY0" fmla="*/ 1000098 h 1740325"/>
              <a:gd name="connsiteX1" fmla="*/ 0 w 6110514"/>
              <a:gd name="connsiteY1" fmla="*/ 0 h 1740325"/>
              <a:gd name="connsiteX2" fmla="*/ 6110514 w 6110514"/>
              <a:gd name="connsiteY2" fmla="*/ 1740325 h 1740325"/>
              <a:gd name="connsiteX3" fmla="*/ 0 w 6110514"/>
              <a:gd name="connsiteY3" fmla="*/ 1000098 h 1740325"/>
              <a:gd name="connsiteX0" fmla="*/ 9525 w 6120039"/>
              <a:gd name="connsiteY0" fmla="*/ 981048 h 1721275"/>
              <a:gd name="connsiteX1" fmla="*/ 0 w 6120039"/>
              <a:gd name="connsiteY1" fmla="*/ 0 h 1721275"/>
              <a:gd name="connsiteX2" fmla="*/ 6120039 w 6120039"/>
              <a:gd name="connsiteY2" fmla="*/ 1721275 h 1721275"/>
              <a:gd name="connsiteX3" fmla="*/ 9525 w 6120039"/>
              <a:gd name="connsiteY3" fmla="*/ 981048 h 1721275"/>
              <a:gd name="connsiteX0" fmla="*/ 0 w 6110514"/>
              <a:gd name="connsiteY0" fmla="*/ 1028673 h 1768900"/>
              <a:gd name="connsiteX1" fmla="*/ 19050 w 6110514"/>
              <a:gd name="connsiteY1" fmla="*/ 0 h 1768900"/>
              <a:gd name="connsiteX2" fmla="*/ 6110514 w 6110514"/>
              <a:gd name="connsiteY2" fmla="*/ 1768900 h 1768900"/>
              <a:gd name="connsiteX3" fmla="*/ 0 w 6110514"/>
              <a:gd name="connsiteY3" fmla="*/ 1028673 h 1768900"/>
              <a:gd name="connsiteX0" fmla="*/ 9525 w 6120039"/>
              <a:gd name="connsiteY0" fmla="*/ 971523 h 1711750"/>
              <a:gd name="connsiteX1" fmla="*/ 0 w 6120039"/>
              <a:gd name="connsiteY1" fmla="*/ 0 h 1711750"/>
              <a:gd name="connsiteX2" fmla="*/ 6120039 w 6120039"/>
              <a:gd name="connsiteY2" fmla="*/ 1711750 h 1711750"/>
              <a:gd name="connsiteX3" fmla="*/ 9525 w 6120039"/>
              <a:gd name="connsiteY3" fmla="*/ 971523 h 1711750"/>
              <a:gd name="connsiteX0" fmla="*/ 0 w 6110514"/>
              <a:gd name="connsiteY0" fmla="*/ 1009623 h 1749850"/>
              <a:gd name="connsiteX1" fmla="*/ 19050 w 6110514"/>
              <a:gd name="connsiteY1" fmla="*/ 0 h 1749850"/>
              <a:gd name="connsiteX2" fmla="*/ 6110514 w 6110514"/>
              <a:gd name="connsiteY2" fmla="*/ 1749850 h 1749850"/>
              <a:gd name="connsiteX3" fmla="*/ 0 w 6110514"/>
              <a:gd name="connsiteY3" fmla="*/ 1009623 h 1749850"/>
              <a:gd name="connsiteX0" fmla="*/ 9525 w 6091464"/>
              <a:gd name="connsiteY0" fmla="*/ 1009623 h 1749850"/>
              <a:gd name="connsiteX1" fmla="*/ 0 w 6091464"/>
              <a:gd name="connsiteY1" fmla="*/ 0 h 1749850"/>
              <a:gd name="connsiteX2" fmla="*/ 6091464 w 6091464"/>
              <a:gd name="connsiteY2" fmla="*/ 1749850 h 1749850"/>
              <a:gd name="connsiteX3" fmla="*/ 9525 w 6091464"/>
              <a:gd name="connsiteY3" fmla="*/ 1009623 h 1749850"/>
              <a:gd name="connsiteX0" fmla="*/ 0 w 6091464"/>
              <a:gd name="connsiteY0" fmla="*/ 1009623 h 1749850"/>
              <a:gd name="connsiteX1" fmla="*/ 0 w 6091464"/>
              <a:gd name="connsiteY1" fmla="*/ 0 h 1749850"/>
              <a:gd name="connsiteX2" fmla="*/ 6091464 w 6091464"/>
              <a:gd name="connsiteY2" fmla="*/ 1749850 h 1749850"/>
              <a:gd name="connsiteX3" fmla="*/ 0 w 6091464"/>
              <a:gd name="connsiteY3" fmla="*/ 1009623 h 1749850"/>
              <a:gd name="connsiteX0" fmla="*/ 9521 w 6091464"/>
              <a:gd name="connsiteY0" fmla="*/ 1883489 h 2011611"/>
              <a:gd name="connsiteX1" fmla="*/ 0 w 6091464"/>
              <a:gd name="connsiteY1" fmla="*/ 0 h 2011611"/>
              <a:gd name="connsiteX2" fmla="*/ 6091464 w 6091464"/>
              <a:gd name="connsiteY2" fmla="*/ 1749850 h 2011611"/>
              <a:gd name="connsiteX3" fmla="*/ 9521 w 6091464"/>
              <a:gd name="connsiteY3" fmla="*/ 1883489 h 2011611"/>
              <a:gd name="connsiteX0" fmla="*/ 9521 w 6091464"/>
              <a:gd name="connsiteY0" fmla="*/ 1883489 h 1883489"/>
              <a:gd name="connsiteX1" fmla="*/ 0 w 6091464"/>
              <a:gd name="connsiteY1" fmla="*/ 0 h 1883489"/>
              <a:gd name="connsiteX2" fmla="*/ 6091464 w 6091464"/>
              <a:gd name="connsiteY2" fmla="*/ 1749850 h 1883489"/>
              <a:gd name="connsiteX3" fmla="*/ 9521 w 6091464"/>
              <a:gd name="connsiteY3" fmla="*/ 1883489 h 1883489"/>
              <a:gd name="connsiteX0" fmla="*/ 9521 w 6081943"/>
              <a:gd name="connsiteY0" fmla="*/ 1883489 h 1883489"/>
              <a:gd name="connsiteX1" fmla="*/ 0 w 6081943"/>
              <a:gd name="connsiteY1" fmla="*/ 0 h 1883489"/>
              <a:gd name="connsiteX2" fmla="*/ 6081943 w 6081943"/>
              <a:gd name="connsiteY2" fmla="*/ 1881400 h 1883489"/>
              <a:gd name="connsiteX3" fmla="*/ 9521 w 6081943"/>
              <a:gd name="connsiteY3" fmla="*/ 1883489 h 1883489"/>
              <a:gd name="connsiteX0" fmla="*/ 9521 w 6081943"/>
              <a:gd name="connsiteY0" fmla="*/ 1883489 h 1883489"/>
              <a:gd name="connsiteX1" fmla="*/ 0 w 6081943"/>
              <a:gd name="connsiteY1" fmla="*/ 0 h 1883489"/>
              <a:gd name="connsiteX2" fmla="*/ 6081943 w 6081943"/>
              <a:gd name="connsiteY2" fmla="*/ 1881400 h 1883489"/>
              <a:gd name="connsiteX3" fmla="*/ 6081503 w 6081943"/>
              <a:gd name="connsiteY3" fmla="*/ 1878020 h 1883489"/>
              <a:gd name="connsiteX4" fmla="*/ 9521 w 6081943"/>
              <a:gd name="connsiteY4" fmla="*/ 1883489 h 1883489"/>
              <a:gd name="connsiteX0" fmla="*/ 9521 w 6081943"/>
              <a:gd name="connsiteY0" fmla="*/ 1883489 h 2075348"/>
              <a:gd name="connsiteX1" fmla="*/ 0 w 6081943"/>
              <a:gd name="connsiteY1" fmla="*/ 0 h 2075348"/>
              <a:gd name="connsiteX2" fmla="*/ 6081943 w 6081943"/>
              <a:gd name="connsiteY2" fmla="*/ 1881400 h 2075348"/>
              <a:gd name="connsiteX3" fmla="*/ 6062460 w 6081943"/>
              <a:gd name="connsiteY3" fmla="*/ 2075344 h 2075348"/>
              <a:gd name="connsiteX4" fmla="*/ 9521 w 6081943"/>
              <a:gd name="connsiteY4" fmla="*/ 1883489 h 2075348"/>
              <a:gd name="connsiteX0" fmla="*/ 0 w 6100986"/>
              <a:gd name="connsiteY0" fmla="*/ 2080814 h 2080814"/>
              <a:gd name="connsiteX1" fmla="*/ 19043 w 6100986"/>
              <a:gd name="connsiteY1" fmla="*/ 0 h 2080814"/>
              <a:gd name="connsiteX2" fmla="*/ 6100986 w 6100986"/>
              <a:gd name="connsiteY2" fmla="*/ 1881400 h 2080814"/>
              <a:gd name="connsiteX3" fmla="*/ 6081503 w 6100986"/>
              <a:gd name="connsiteY3" fmla="*/ 2075344 h 2080814"/>
              <a:gd name="connsiteX4" fmla="*/ 0 w 6100986"/>
              <a:gd name="connsiteY4" fmla="*/ 2080814 h 2080814"/>
              <a:gd name="connsiteX0" fmla="*/ 0 w 6091465"/>
              <a:gd name="connsiteY0" fmla="*/ 2080814 h 2080814"/>
              <a:gd name="connsiteX1" fmla="*/ 9522 w 6091465"/>
              <a:gd name="connsiteY1" fmla="*/ 0 h 2080814"/>
              <a:gd name="connsiteX2" fmla="*/ 6091465 w 6091465"/>
              <a:gd name="connsiteY2" fmla="*/ 1881400 h 2080814"/>
              <a:gd name="connsiteX3" fmla="*/ 6071982 w 6091465"/>
              <a:gd name="connsiteY3" fmla="*/ 2075344 h 2080814"/>
              <a:gd name="connsiteX4" fmla="*/ 0 w 6091465"/>
              <a:gd name="connsiteY4" fmla="*/ 2080814 h 2080814"/>
              <a:gd name="connsiteX0" fmla="*/ 0 w 6091465"/>
              <a:gd name="connsiteY0" fmla="*/ 2080814 h 2080814"/>
              <a:gd name="connsiteX1" fmla="*/ 9522 w 6091465"/>
              <a:gd name="connsiteY1" fmla="*/ 0 h 2080814"/>
              <a:gd name="connsiteX2" fmla="*/ 6091465 w 6091465"/>
              <a:gd name="connsiteY2" fmla="*/ 1881400 h 2080814"/>
              <a:gd name="connsiteX3" fmla="*/ 6071982 w 6091465"/>
              <a:gd name="connsiteY3" fmla="*/ 2075344 h 2080814"/>
              <a:gd name="connsiteX4" fmla="*/ 0 w 6091465"/>
              <a:gd name="connsiteY4" fmla="*/ 2080814 h 2080814"/>
              <a:gd name="connsiteX0" fmla="*/ 0 w 6091465"/>
              <a:gd name="connsiteY0" fmla="*/ 2080814 h 2080814"/>
              <a:gd name="connsiteX1" fmla="*/ 9522 w 6091465"/>
              <a:gd name="connsiteY1" fmla="*/ 0 h 2080814"/>
              <a:gd name="connsiteX2" fmla="*/ 6091465 w 6091465"/>
              <a:gd name="connsiteY2" fmla="*/ 1881400 h 2080814"/>
              <a:gd name="connsiteX3" fmla="*/ 6071982 w 6091465"/>
              <a:gd name="connsiteY3" fmla="*/ 2075344 h 2080814"/>
              <a:gd name="connsiteX4" fmla="*/ 0 w 6091465"/>
              <a:gd name="connsiteY4" fmla="*/ 2080814 h 2080814"/>
              <a:gd name="connsiteX0" fmla="*/ 9521 w 6100986"/>
              <a:gd name="connsiteY0" fmla="*/ 2080814 h 2080814"/>
              <a:gd name="connsiteX1" fmla="*/ 0 w 6100986"/>
              <a:gd name="connsiteY1" fmla="*/ 0 h 2080814"/>
              <a:gd name="connsiteX2" fmla="*/ 6100986 w 6100986"/>
              <a:gd name="connsiteY2" fmla="*/ 1881400 h 2080814"/>
              <a:gd name="connsiteX3" fmla="*/ 6081503 w 6100986"/>
              <a:gd name="connsiteY3" fmla="*/ 2075344 h 2080814"/>
              <a:gd name="connsiteX4" fmla="*/ 9521 w 6100986"/>
              <a:gd name="connsiteY4" fmla="*/ 2080814 h 2080814"/>
              <a:gd name="connsiteX0" fmla="*/ 0 w 6091465"/>
              <a:gd name="connsiteY0" fmla="*/ 2080814 h 2080814"/>
              <a:gd name="connsiteX1" fmla="*/ 0 w 6091465"/>
              <a:gd name="connsiteY1" fmla="*/ 0 h 2080814"/>
              <a:gd name="connsiteX2" fmla="*/ 6091465 w 6091465"/>
              <a:gd name="connsiteY2" fmla="*/ 1881400 h 2080814"/>
              <a:gd name="connsiteX3" fmla="*/ 6071982 w 6091465"/>
              <a:gd name="connsiteY3" fmla="*/ 2075344 h 2080814"/>
              <a:gd name="connsiteX4" fmla="*/ 0 w 6091465"/>
              <a:gd name="connsiteY4" fmla="*/ 2080814 h 2080814"/>
              <a:gd name="connsiteX0" fmla="*/ 0 w 6100548"/>
              <a:gd name="connsiteY0" fmla="*/ 2080814 h 2080814"/>
              <a:gd name="connsiteX1" fmla="*/ 0 w 6100548"/>
              <a:gd name="connsiteY1" fmla="*/ 0 h 2080814"/>
              <a:gd name="connsiteX2" fmla="*/ 6091465 w 6100548"/>
              <a:gd name="connsiteY2" fmla="*/ 1881400 h 2080814"/>
              <a:gd name="connsiteX3" fmla="*/ 6100547 w 6100548"/>
              <a:gd name="connsiteY3" fmla="*/ 2075344 h 2080814"/>
              <a:gd name="connsiteX4" fmla="*/ 0 w 6100548"/>
              <a:gd name="connsiteY4" fmla="*/ 2080814 h 2080814"/>
              <a:gd name="connsiteX0" fmla="*/ 0 w 6100986"/>
              <a:gd name="connsiteY0" fmla="*/ 2080814 h 2080814"/>
              <a:gd name="connsiteX1" fmla="*/ 0 w 6100986"/>
              <a:gd name="connsiteY1" fmla="*/ 0 h 2080814"/>
              <a:gd name="connsiteX2" fmla="*/ 6100986 w 6100986"/>
              <a:gd name="connsiteY2" fmla="*/ 1881400 h 2080814"/>
              <a:gd name="connsiteX3" fmla="*/ 6100547 w 6100986"/>
              <a:gd name="connsiteY3" fmla="*/ 2075344 h 2080814"/>
              <a:gd name="connsiteX4" fmla="*/ 0 w 6100986"/>
              <a:gd name="connsiteY4" fmla="*/ 2080814 h 2080814"/>
              <a:gd name="connsiteX0" fmla="*/ 0 w 6100986"/>
              <a:gd name="connsiteY0" fmla="*/ 2080814 h 2080814"/>
              <a:gd name="connsiteX1" fmla="*/ 0 w 6100986"/>
              <a:gd name="connsiteY1" fmla="*/ 0 h 2080814"/>
              <a:gd name="connsiteX2" fmla="*/ 6100986 w 6100986"/>
              <a:gd name="connsiteY2" fmla="*/ 1881400 h 2080814"/>
              <a:gd name="connsiteX3" fmla="*/ 6100547 w 6100986"/>
              <a:gd name="connsiteY3" fmla="*/ 2080043 h 2080814"/>
              <a:gd name="connsiteX4" fmla="*/ 0 w 6100986"/>
              <a:gd name="connsiteY4" fmla="*/ 2080814 h 2080814"/>
              <a:gd name="connsiteX0" fmla="*/ 0 w 6100986"/>
              <a:gd name="connsiteY0" fmla="*/ 2080814 h 2080814"/>
              <a:gd name="connsiteX1" fmla="*/ 0 w 6100986"/>
              <a:gd name="connsiteY1" fmla="*/ 0 h 2080814"/>
              <a:gd name="connsiteX2" fmla="*/ 6100986 w 6100986"/>
              <a:gd name="connsiteY2" fmla="*/ 1806229 h 2080814"/>
              <a:gd name="connsiteX3" fmla="*/ 6100547 w 6100986"/>
              <a:gd name="connsiteY3" fmla="*/ 2080043 h 2080814"/>
              <a:gd name="connsiteX4" fmla="*/ 0 w 6100986"/>
              <a:gd name="connsiteY4" fmla="*/ 2080814 h 2080814"/>
              <a:gd name="connsiteX0" fmla="*/ 0 w 6100986"/>
              <a:gd name="connsiteY0" fmla="*/ 2080814 h 2080814"/>
              <a:gd name="connsiteX1" fmla="*/ 0 w 6100986"/>
              <a:gd name="connsiteY1" fmla="*/ 0 h 2080814"/>
              <a:gd name="connsiteX2" fmla="*/ 6100986 w 6100986"/>
              <a:gd name="connsiteY2" fmla="*/ 1806229 h 2080814"/>
              <a:gd name="connsiteX3" fmla="*/ 6100547 w 6100986"/>
              <a:gd name="connsiteY3" fmla="*/ 2080043 h 2080814"/>
              <a:gd name="connsiteX4" fmla="*/ 0 w 6100986"/>
              <a:gd name="connsiteY4" fmla="*/ 2080814 h 2080814"/>
              <a:gd name="connsiteX0" fmla="*/ 0 w 6100986"/>
              <a:gd name="connsiteY0" fmla="*/ 1986850 h 1986850"/>
              <a:gd name="connsiteX1" fmla="*/ 0 w 6100986"/>
              <a:gd name="connsiteY1" fmla="*/ 0 h 1986850"/>
              <a:gd name="connsiteX2" fmla="*/ 6100986 w 6100986"/>
              <a:gd name="connsiteY2" fmla="*/ 1712265 h 1986850"/>
              <a:gd name="connsiteX3" fmla="*/ 6100547 w 6100986"/>
              <a:gd name="connsiteY3" fmla="*/ 1986079 h 1986850"/>
              <a:gd name="connsiteX4" fmla="*/ 0 w 6100986"/>
              <a:gd name="connsiteY4" fmla="*/ 1986850 h 1986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100986" h="1986850">
                <a:moveTo>
                  <a:pt x="0" y="1986850"/>
                </a:moveTo>
                <a:lnTo>
                  <a:pt x="0" y="0"/>
                </a:lnTo>
                <a:cubicBezTo>
                  <a:pt x="1543352" y="1160680"/>
                  <a:pt x="3191083" y="1504492"/>
                  <a:pt x="6100986" y="1712265"/>
                </a:cubicBezTo>
                <a:cubicBezTo>
                  <a:pt x="6100839" y="1711138"/>
                  <a:pt x="6100694" y="1987206"/>
                  <a:pt x="6100547" y="1986079"/>
                </a:cubicBezTo>
                <a:lnTo>
                  <a:pt x="0" y="1986850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5" name="Group 4"/>
          <p:cNvGrpSpPr/>
          <p:nvPr/>
        </p:nvGrpSpPr>
        <p:grpSpPr>
          <a:xfrm>
            <a:off x="602345" y="4856095"/>
            <a:ext cx="10885714" cy="1866900"/>
            <a:chOff x="3316491" y="4040721"/>
            <a:chExt cx="6184693" cy="1157632"/>
          </a:xfrm>
        </p:grpSpPr>
        <p:sp>
          <p:nvSpPr>
            <p:cNvPr id="6" name="Right Triangle 14"/>
            <p:cNvSpPr/>
            <p:nvPr/>
          </p:nvSpPr>
          <p:spPr>
            <a:xfrm flipH="1">
              <a:off x="3399970" y="4040721"/>
              <a:ext cx="6091464" cy="1157632"/>
            </a:xfrm>
            <a:custGeom>
              <a:avLst/>
              <a:gdLst>
                <a:gd name="connsiteX0" fmla="*/ 0 w 7010400"/>
                <a:gd name="connsiteY0" fmla="*/ 1827411 h 1827411"/>
                <a:gd name="connsiteX1" fmla="*/ 0 w 7010400"/>
                <a:gd name="connsiteY1" fmla="*/ 0 h 1827411"/>
                <a:gd name="connsiteX2" fmla="*/ 7010400 w 7010400"/>
                <a:gd name="connsiteY2" fmla="*/ 1827411 h 1827411"/>
                <a:gd name="connsiteX3" fmla="*/ 0 w 7010400"/>
                <a:gd name="connsiteY3" fmla="*/ 1827411 h 1827411"/>
                <a:gd name="connsiteX0" fmla="*/ 508000 w 7010400"/>
                <a:gd name="connsiteY0" fmla="*/ 1029126 h 1827411"/>
                <a:gd name="connsiteX1" fmla="*/ 0 w 7010400"/>
                <a:gd name="connsiteY1" fmla="*/ 0 h 1827411"/>
                <a:gd name="connsiteX2" fmla="*/ 7010400 w 7010400"/>
                <a:gd name="connsiteY2" fmla="*/ 1827411 h 1827411"/>
                <a:gd name="connsiteX3" fmla="*/ 508000 w 7010400"/>
                <a:gd name="connsiteY3" fmla="*/ 1029126 h 1827411"/>
                <a:gd name="connsiteX0" fmla="*/ 0 w 6502400"/>
                <a:gd name="connsiteY0" fmla="*/ 1000097 h 1798382"/>
                <a:gd name="connsiteX1" fmla="*/ 0 w 6502400"/>
                <a:gd name="connsiteY1" fmla="*/ 0 h 1798382"/>
                <a:gd name="connsiteX2" fmla="*/ 6502400 w 6502400"/>
                <a:gd name="connsiteY2" fmla="*/ 1798382 h 1798382"/>
                <a:gd name="connsiteX3" fmla="*/ 0 w 6502400"/>
                <a:gd name="connsiteY3" fmla="*/ 1000097 h 1798382"/>
                <a:gd name="connsiteX0" fmla="*/ 0 w 5602514"/>
                <a:gd name="connsiteY0" fmla="*/ 1000097 h 1856439"/>
                <a:gd name="connsiteX1" fmla="*/ 0 w 5602514"/>
                <a:gd name="connsiteY1" fmla="*/ 0 h 1856439"/>
                <a:gd name="connsiteX2" fmla="*/ 5602514 w 5602514"/>
                <a:gd name="connsiteY2" fmla="*/ 1856439 h 1856439"/>
                <a:gd name="connsiteX3" fmla="*/ 0 w 5602514"/>
                <a:gd name="connsiteY3" fmla="*/ 1000097 h 1856439"/>
                <a:gd name="connsiteX0" fmla="*/ 0 w 6110514"/>
                <a:gd name="connsiteY0" fmla="*/ 1000097 h 1740324"/>
                <a:gd name="connsiteX1" fmla="*/ 0 w 6110514"/>
                <a:gd name="connsiteY1" fmla="*/ 0 h 1740324"/>
                <a:gd name="connsiteX2" fmla="*/ 6110514 w 6110514"/>
                <a:gd name="connsiteY2" fmla="*/ 1740324 h 1740324"/>
                <a:gd name="connsiteX3" fmla="*/ 0 w 6110514"/>
                <a:gd name="connsiteY3" fmla="*/ 1000097 h 1740324"/>
                <a:gd name="connsiteX0" fmla="*/ 0 w 6110514"/>
                <a:gd name="connsiteY0" fmla="*/ 1000097 h 1740324"/>
                <a:gd name="connsiteX1" fmla="*/ 0 w 6110514"/>
                <a:gd name="connsiteY1" fmla="*/ 0 h 1740324"/>
                <a:gd name="connsiteX2" fmla="*/ 6110514 w 6110514"/>
                <a:gd name="connsiteY2" fmla="*/ 1740324 h 1740324"/>
                <a:gd name="connsiteX3" fmla="*/ 0 w 6110514"/>
                <a:gd name="connsiteY3" fmla="*/ 1000097 h 1740324"/>
                <a:gd name="connsiteX0" fmla="*/ 0 w 6110514"/>
                <a:gd name="connsiteY0" fmla="*/ 1000097 h 1740324"/>
                <a:gd name="connsiteX1" fmla="*/ 0 w 6110514"/>
                <a:gd name="connsiteY1" fmla="*/ 0 h 1740324"/>
                <a:gd name="connsiteX2" fmla="*/ 6110514 w 6110514"/>
                <a:gd name="connsiteY2" fmla="*/ 1740324 h 1740324"/>
                <a:gd name="connsiteX3" fmla="*/ 0 w 6110514"/>
                <a:gd name="connsiteY3" fmla="*/ 1000097 h 1740324"/>
                <a:gd name="connsiteX0" fmla="*/ 0 w 6110514"/>
                <a:gd name="connsiteY0" fmla="*/ 1000097 h 1740324"/>
                <a:gd name="connsiteX1" fmla="*/ 0 w 6110514"/>
                <a:gd name="connsiteY1" fmla="*/ 0 h 1740324"/>
                <a:gd name="connsiteX2" fmla="*/ 6110514 w 6110514"/>
                <a:gd name="connsiteY2" fmla="*/ 1740324 h 1740324"/>
                <a:gd name="connsiteX3" fmla="*/ 0 w 6110514"/>
                <a:gd name="connsiteY3" fmla="*/ 1000097 h 1740324"/>
                <a:gd name="connsiteX0" fmla="*/ 0 w 6110514"/>
                <a:gd name="connsiteY0" fmla="*/ 1000097 h 1740324"/>
                <a:gd name="connsiteX1" fmla="*/ 0 w 6110514"/>
                <a:gd name="connsiteY1" fmla="*/ 0 h 1740324"/>
                <a:gd name="connsiteX2" fmla="*/ 6110514 w 6110514"/>
                <a:gd name="connsiteY2" fmla="*/ 1740324 h 1740324"/>
                <a:gd name="connsiteX3" fmla="*/ 0 w 6110514"/>
                <a:gd name="connsiteY3" fmla="*/ 1000097 h 1740324"/>
                <a:gd name="connsiteX0" fmla="*/ 58057 w 6168571"/>
                <a:gd name="connsiteY0" fmla="*/ 1058154 h 1798381"/>
                <a:gd name="connsiteX1" fmla="*/ 0 w 6168571"/>
                <a:gd name="connsiteY1" fmla="*/ 0 h 1798381"/>
                <a:gd name="connsiteX2" fmla="*/ 6168571 w 6168571"/>
                <a:gd name="connsiteY2" fmla="*/ 1798381 h 1798381"/>
                <a:gd name="connsiteX3" fmla="*/ 58057 w 6168571"/>
                <a:gd name="connsiteY3" fmla="*/ 1058154 h 1798381"/>
                <a:gd name="connsiteX0" fmla="*/ 14514 w 6125028"/>
                <a:gd name="connsiteY0" fmla="*/ 1014612 h 1754839"/>
                <a:gd name="connsiteX1" fmla="*/ 0 w 6125028"/>
                <a:gd name="connsiteY1" fmla="*/ 0 h 1754839"/>
                <a:gd name="connsiteX2" fmla="*/ 6125028 w 6125028"/>
                <a:gd name="connsiteY2" fmla="*/ 1754839 h 1754839"/>
                <a:gd name="connsiteX3" fmla="*/ 14514 w 6125028"/>
                <a:gd name="connsiteY3" fmla="*/ 1014612 h 1754839"/>
                <a:gd name="connsiteX0" fmla="*/ 0 w 6110514"/>
                <a:gd name="connsiteY0" fmla="*/ 1000098 h 1740325"/>
                <a:gd name="connsiteX1" fmla="*/ 0 w 6110514"/>
                <a:gd name="connsiteY1" fmla="*/ 0 h 1740325"/>
                <a:gd name="connsiteX2" fmla="*/ 6110514 w 6110514"/>
                <a:gd name="connsiteY2" fmla="*/ 1740325 h 1740325"/>
                <a:gd name="connsiteX3" fmla="*/ 0 w 6110514"/>
                <a:gd name="connsiteY3" fmla="*/ 1000098 h 1740325"/>
                <a:gd name="connsiteX0" fmla="*/ 9525 w 6120039"/>
                <a:gd name="connsiteY0" fmla="*/ 981048 h 1721275"/>
                <a:gd name="connsiteX1" fmla="*/ 0 w 6120039"/>
                <a:gd name="connsiteY1" fmla="*/ 0 h 1721275"/>
                <a:gd name="connsiteX2" fmla="*/ 6120039 w 6120039"/>
                <a:gd name="connsiteY2" fmla="*/ 1721275 h 1721275"/>
                <a:gd name="connsiteX3" fmla="*/ 9525 w 6120039"/>
                <a:gd name="connsiteY3" fmla="*/ 981048 h 1721275"/>
                <a:gd name="connsiteX0" fmla="*/ 0 w 6110514"/>
                <a:gd name="connsiteY0" fmla="*/ 1028673 h 1768900"/>
                <a:gd name="connsiteX1" fmla="*/ 19050 w 6110514"/>
                <a:gd name="connsiteY1" fmla="*/ 0 h 1768900"/>
                <a:gd name="connsiteX2" fmla="*/ 6110514 w 6110514"/>
                <a:gd name="connsiteY2" fmla="*/ 1768900 h 1768900"/>
                <a:gd name="connsiteX3" fmla="*/ 0 w 6110514"/>
                <a:gd name="connsiteY3" fmla="*/ 1028673 h 1768900"/>
                <a:gd name="connsiteX0" fmla="*/ 9525 w 6120039"/>
                <a:gd name="connsiteY0" fmla="*/ 971523 h 1711750"/>
                <a:gd name="connsiteX1" fmla="*/ 0 w 6120039"/>
                <a:gd name="connsiteY1" fmla="*/ 0 h 1711750"/>
                <a:gd name="connsiteX2" fmla="*/ 6120039 w 6120039"/>
                <a:gd name="connsiteY2" fmla="*/ 1711750 h 1711750"/>
                <a:gd name="connsiteX3" fmla="*/ 9525 w 6120039"/>
                <a:gd name="connsiteY3" fmla="*/ 971523 h 1711750"/>
                <a:gd name="connsiteX0" fmla="*/ 0 w 6110514"/>
                <a:gd name="connsiteY0" fmla="*/ 1009623 h 1749850"/>
                <a:gd name="connsiteX1" fmla="*/ 19050 w 6110514"/>
                <a:gd name="connsiteY1" fmla="*/ 0 h 1749850"/>
                <a:gd name="connsiteX2" fmla="*/ 6110514 w 6110514"/>
                <a:gd name="connsiteY2" fmla="*/ 1749850 h 1749850"/>
                <a:gd name="connsiteX3" fmla="*/ 0 w 6110514"/>
                <a:gd name="connsiteY3" fmla="*/ 1009623 h 1749850"/>
                <a:gd name="connsiteX0" fmla="*/ 9525 w 6091464"/>
                <a:gd name="connsiteY0" fmla="*/ 1009623 h 1749850"/>
                <a:gd name="connsiteX1" fmla="*/ 0 w 6091464"/>
                <a:gd name="connsiteY1" fmla="*/ 0 h 1749850"/>
                <a:gd name="connsiteX2" fmla="*/ 6091464 w 6091464"/>
                <a:gd name="connsiteY2" fmla="*/ 1749850 h 1749850"/>
                <a:gd name="connsiteX3" fmla="*/ 9525 w 6091464"/>
                <a:gd name="connsiteY3" fmla="*/ 1009623 h 1749850"/>
                <a:gd name="connsiteX0" fmla="*/ 0 w 6091464"/>
                <a:gd name="connsiteY0" fmla="*/ 1009623 h 1749850"/>
                <a:gd name="connsiteX1" fmla="*/ 0 w 6091464"/>
                <a:gd name="connsiteY1" fmla="*/ 0 h 1749850"/>
                <a:gd name="connsiteX2" fmla="*/ 6091464 w 6091464"/>
                <a:gd name="connsiteY2" fmla="*/ 1749850 h 1749850"/>
                <a:gd name="connsiteX3" fmla="*/ 0 w 6091464"/>
                <a:gd name="connsiteY3" fmla="*/ 1009623 h 17498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091464" h="1749850">
                  <a:moveTo>
                    <a:pt x="0" y="1009623"/>
                  </a:moveTo>
                  <a:lnTo>
                    <a:pt x="0" y="0"/>
                  </a:lnTo>
                  <a:cubicBezTo>
                    <a:pt x="1543352" y="1160680"/>
                    <a:pt x="3343426" y="1372942"/>
                    <a:pt x="6091464" y="1749850"/>
                  </a:cubicBezTo>
                  <a:cubicBezTo>
                    <a:pt x="2937026" y="1677280"/>
                    <a:pt x="1020838" y="1386993"/>
                    <a:pt x="0" y="1009623"/>
                  </a:cubicBezTo>
                  <a:close/>
                </a:path>
              </a:pathLst>
            </a:custGeom>
            <a:gradFill flip="none" rotWithShape="1">
              <a:gsLst>
                <a:gs pos="90000">
                  <a:schemeClr val="tx2">
                    <a:lumMod val="40000"/>
                    <a:lumOff val="60000"/>
                  </a:schemeClr>
                </a:gs>
                <a:gs pos="24000">
                  <a:schemeClr val="tx2">
                    <a:lumMod val="75000"/>
                  </a:schemeClr>
                </a:gs>
                <a:gs pos="59000">
                  <a:schemeClr val="tx2">
                    <a:lumMod val="60000"/>
                    <a:lumOff val="40000"/>
                  </a:schemeClr>
                </a:gs>
              </a:gsLst>
              <a:lin ang="1350000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" name="Diagonal Stripe 12"/>
            <p:cNvSpPr/>
            <p:nvPr/>
          </p:nvSpPr>
          <p:spPr>
            <a:xfrm>
              <a:off x="3316491" y="4040721"/>
              <a:ext cx="6184693" cy="1154916"/>
            </a:xfrm>
            <a:custGeom>
              <a:avLst/>
              <a:gdLst>
                <a:gd name="connsiteX0" fmla="*/ 0 w 6858000"/>
                <a:gd name="connsiteY0" fmla="*/ 894347 h 1788693"/>
                <a:gd name="connsiteX1" fmla="*/ 3429000 w 6858000"/>
                <a:gd name="connsiteY1" fmla="*/ 0 h 1788693"/>
                <a:gd name="connsiteX2" fmla="*/ 6858000 w 6858000"/>
                <a:gd name="connsiteY2" fmla="*/ 0 h 1788693"/>
                <a:gd name="connsiteX3" fmla="*/ 0 w 6858000"/>
                <a:gd name="connsiteY3" fmla="*/ 1788693 h 1788693"/>
                <a:gd name="connsiteX4" fmla="*/ 0 w 6858000"/>
                <a:gd name="connsiteY4" fmla="*/ 894347 h 1788693"/>
                <a:gd name="connsiteX0" fmla="*/ 0 w 6858000"/>
                <a:gd name="connsiteY0" fmla="*/ 1112062 h 2006408"/>
                <a:gd name="connsiteX1" fmla="*/ 4996543 w 6858000"/>
                <a:gd name="connsiteY1" fmla="*/ 0 h 2006408"/>
                <a:gd name="connsiteX2" fmla="*/ 6858000 w 6858000"/>
                <a:gd name="connsiteY2" fmla="*/ 217715 h 2006408"/>
                <a:gd name="connsiteX3" fmla="*/ 0 w 6858000"/>
                <a:gd name="connsiteY3" fmla="*/ 2006408 h 2006408"/>
                <a:gd name="connsiteX4" fmla="*/ 0 w 6858000"/>
                <a:gd name="connsiteY4" fmla="*/ 1112062 h 2006408"/>
                <a:gd name="connsiteX0" fmla="*/ 0 w 6146800"/>
                <a:gd name="connsiteY0" fmla="*/ 1126575 h 2020921"/>
                <a:gd name="connsiteX1" fmla="*/ 4996543 w 6146800"/>
                <a:gd name="connsiteY1" fmla="*/ 14513 h 2020921"/>
                <a:gd name="connsiteX2" fmla="*/ 6146800 w 6146800"/>
                <a:gd name="connsiteY2" fmla="*/ 0 h 2020921"/>
                <a:gd name="connsiteX3" fmla="*/ 0 w 6146800"/>
                <a:gd name="connsiteY3" fmla="*/ 2020921 h 2020921"/>
                <a:gd name="connsiteX4" fmla="*/ 0 w 6146800"/>
                <a:gd name="connsiteY4" fmla="*/ 1126575 h 2020921"/>
                <a:gd name="connsiteX0" fmla="*/ 0 w 6146800"/>
                <a:gd name="connsiteY0" fmla="*/ 1126575 h 1600007"/>
                <a:gd name="connsiteX1" fmla="*/ 4996543 w 6146800"/>
                <a:gd name="connsiteY1" fmla="*/ 14513 h 1600007"/>
                <a:gd name="connsiteX2" fmla="*/ 6146800 w 6146800"/>
                <a:gd name="connsiteY2" fmla="*/ 0 h 1600007"/>
                <a:gd name="connsiteX3" fmla="*/ 711200 w 6146800"/>
                <a:gd name="connsiteY3" fmla="*/ 1600007 h 1600007"/>
                <a:gd name="connsiteX4" fmla="*/ 0 w 6146800"/>
                <a:gd name="connsiteY4" fmla="*/ 1126575 h 1600007"/>
                <a:gd name="connsiteX0" fmla="*/ 0 w 6509657"/>
                <a:gd name="connsiteY0" fmla="*/ 1416861 h 1600007"/>
                <a:gd name="connsiteX1" fmla="*/ 5359400 w 6509657"/>
                <a:gd name="connsiteY1" fmla="*/ 14513 h 1600007"/>
                <a:gd name="connsiteX2" fmla="*/ 6509657 w 6509657"/>
                <a:gd name="connsiteY2" fmla="*/ 0 h 1600007"/>
                <a:gd name="connsiteX3" fmla="*/ 1074057 w 6509657"/>
                <a:gd name="connsiteY3" fmla="*/ 1600007 h 1600007"/>
                <a:gd name="connsiteX4" fmla="*/ 0 w 6509657"/>
                <a:gd name="connsiteY4" fmla="*/ 1416861 h 1600007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38686"/>
                <a:gd name="connsiteY0" fmla="*/ 1416861 h 1846750"/>
                <a:gd name="connsiteX1" fmla="*/ 5388429 w 6538686"/>
                <a:gd name="connsiteY1" fmla="*/ 14513 h 1846750"/>
                <a:gd name="connsiteX2" fmla="*/ 6538686 w 6538686"/>
                <a:gd name="connsiteY2" fmla="*/ 0 h 1846750"/>
                <a:gd name="connsiteX3" fmla="*/ 0 w 6538686"/>
                <a:gd name="connsiteY3" fmla="*/ 1846750 h 1846750"/>
                <a:gd name="connsiteX4" fmla="*/ 29029 w 6538686"/>
                <a:gd name="connsiteY4" fmla="*/ 1416861 h 1846750"/>
                <a:gd name="connsiteX0" fmla="*/ 29029 w 6509774"/>
                <a:gd name="connsiteY0" fmla="*/ 1402348 h 1832237"/>
                <a:gd name="connsiteX1" fmla="*/ 5388429 w 6509774"/>
                <a:gd name="connsiteY1" fmla="*/ 0 h 1832237"/>
                <a:gd name="connsiteX2" fmla="*/ 6509774 w 6509774"/>
                <a:gd name="connsiteY2" fmla="*/ 23587 h 1832237"/>
                <a:gd name="connsiteX3" fmla="*/ 0 w 6509774"/>
                <a:gd name="connsiteY3" fmla="*/ 1832237 h 1832237"/>
                <a:gd name="connsiteX4" fmla="*/ 29029 w 6509774"/>
                <a:gd name="connsiteY4" fmla="*/ 1402348 h 1832237"/>
                <a:gd name="connsiteX0" fmla="*/ 29029 w 6509774"/>
                <a:gd name="connsiteY0" fmla="*/ 1383298 h 1813187"/>
                <a:gd name="connsiteX1" fmla="*/ 5349880 w 6509774"/>
                <a:gd name="connsiteY1" fmla="*/ 0 h 1813187"/>
                <a:gd name="connsiteX2" fmla="*/ 6509774 w 6509774"/>
                <a:gd name="connsiteY2" fmla="*/ 4537 h 1813187"/>
                <a:gd name="connsiteX3" fmla="*/ 0 w 6509774"/>
                <a:gd name="connsiteY3" fmla="*/ 1813187 h 1813187"/>
                <a:gd name="connsiteX4" fmla="*/ 29029 w 6509774"/>
                <a:gd name="connsiteY4" fmla="*/ 1383298 h 1813187"/>
                <a:gd name="connsiteX0" fmla="*/ 29029 w 6514592"/>
                <a:gd name="connsiteY0" fmla="*/ 1388286 h 1818175"/>
                <a:gd name="connsiteX1" fmla="*/ 5349880 w 6514592"/>
                <a:gd name="connsiteY1" fmla="*/ 4988 h 1818175"/>
                <a:gd name="connsiteX2" fmla="*/ 6514592 w 6514592"/>
                <a:gd name="connsiteY2" fmla="*/ 0 h 1818175"/>
                <a:gd name="connsiteX3" fmla="*/ 0 w 6514592"/>
                <a:gd name="connsiteY3" fmla="*/ 1818175 h 1818175"/>
                <a:gd name="connsiteX4" fmla="*/ 29029 w 6514592"/>
                <a:gd name="connsiteY4" fmla="*/ 1388286 h 1818175"/>
                <a:gd name="connsiteX0" fmla="*/ 29029 w 6514592"/>
                <a:gd name="connsiteY0" fmla="*/ 1388286 h 1818175"/>
                <a:gd name="connsiteX1" fmla="*/ 5361927 w 6514592"/>
                <a:gd name="connsiteY1" fmla="*/ 2607 h 1818175"/>
                <a:gd name="connsiteX2" fmla="*/ 6514592 w 6514592"/>
                <a:gd name="connsiteY2" fmla="*/ 0 h 1818175"/>
                <a:gd name="connsiteX3" fmla="*/ 0 w 6514592"/>
                <a:gd name="connsiteY3" fmla="*/ 1818175 h 1818175"/>
                <a:gd name="connsiteX4" fmla="*/ 29029 w 6514592"/>
                <a:gd name="connsiteY4" fmla="*/ 1388286 h 1818175"/>
                <a:gd name="connsiteX0" fmla="*/ 29029 w 6514592"/>
                <a:gd name="connsiteY0" fmla="*/ 1388286 h 1818175"/>
                <a:gd name="connsiteX1" fmla="*/ 5369155 w 6514592"/>
                <a:gd name="connsiteY1" fmla="*/ 225 h 1818175"/>
                <a:gd name="connsiteX2" fmla="*/ 6514592 w 6514592"/>
                <a:gd name="connsiteY2" fmla="*/ 0 h 1818175"/>
                <a:gd name="connsiteX3" fmla="*/ 0 w 6514592"/>
                <a:gd name="connsiteY3" fmla="*/ 1818175 h 1818175"/>
                <a:gd name="connsiteX4" fmla="*/ 29029 w 6514592"/>
                <a:gd name="connsiteY4" fmla="*/ 1388286 h 1818175"/>
                <a:gd name="connsiteX0" fmla="*/ 256973 w 6514592"/>
                <a:gd name="connsiteY0" fmla="*/ 1375034 h 1818175"/>
                <a:gd name="connsiteX1" fmla="*/ 5369155 w 6514592"/>
                <a:gd name="connsiteY1" fmla="*/ 225 h 1818175"/>
                <a:gd name="connsiteX2" fmla="*/ 6514592 w 6514592"/>
                <a:gd name="connsiteY2" fmla="*/ 0 h 1818175"/>
                <a:gd name="connsiteX3" fmla="*/ 0 w 6514592"/>
                <a:gd name="connsiteY3" fmla="*/ 1818175 h 1818175"/>
                <a:gd name="connsiteX4" fmla="*/ 256973 w 6514592"/>
                <a:gd name="connsiteY4" fmla="*/ 1375034 h 1818175"/>
                <a:gd name="connsiteX0" fmla="*/ 0 w 6257619"/>
                <a:gd name="connsiteY0" fmla="*/ 1375034 h 1765167"/>
                <a:gd name="connsiteX1" fmla="*/ 5112182 w 6257619"/>
                <a:gd name="connsiteY1" fmla="*/ 225 h 1765167"/>
                <a:gd name="connsiteX2" fmla="*/ 6257619 w 6257619"/>
                <a:gd name="connsiteY2" fmla="*/ 0 h 1765167"/>
                <a:gd name="connsiteX3" fmla="*/ 212322 w 6257619"/>
                <a:gd name="connsiteY3" fmla="*/ 1765167 h 1765167"/>
                <a:gd name="connsiteX4" fmla="*/ 0 w 6257619"/>
                <a:gd name="connsiteY4" fmla="*/ 1375034 h 1765167"/>
                <a:gd name="connsiteX0" fmla="*/ 0 w 6257619"/>
                <a:gd name="connsiteY0" fmla="*/ 1375034 h 1751915"/>
                <a:gd name="connsiteX1" fmla="*/ 5112182 w 6257619"/>
                <a:gd name="connsiteY1" fmla="*/ 225 h 1751915"/>
                <a:gd name="connsiteX2" fmla="*/ 6257619 w 6257619"/>
                <a:gd name="connsiteY2" fmla="*/ 0 h 1751915"/>
                <a:gd name="connsiteX3" fmla="*/ 131872 w 6257619"/>
                <a:gd name="connsiteY3" fmla="*/ 1751915 h 1751915"/>
                <a:gd name="connsiteX4" fmla="*/ 0 w 6257619"/>
                <a:gd name="connsiteY4" fmla="*/ 1375034 h 1751915"/>
                <a:gd name="connsiteX0" fmla="*/ 0 w 6257619"/>
                <a:gd name="connsiteY0" fmla="*/ 1375034 h 1757402"/>
                <a:gd name="connsiteX1" fmla="*/ 5112182 w 6257619"/>
                <a:gd name="connsiteY1" fmla="*/ 225 h 1757402"/>
                <a:gd name="connsiteX2" fmla="*/ 6257619 w 6257619"/>
                <a:gd name="connsiteY2" fmla="*/ 0 h 1757402"/>
                <a:gd name="connsiteX3" fmla="*/ 99051 w 6257619"/>
                <a:gd name="connsiteY3" fmla="*/ 1757402 h 1757402"/>
                <a:gd name="connsiteX4" fmla="*/ 0 w 6257619"/>
                <a:gd name="connsiteY4" fmla="*/ 1375034 h 17574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257619" h="1757402">
                  <a:moveTo>
                    <a:pt x="0" y="1375034"/>
                  </a:moveTo>
                  <a:cubicBezTo>
                    <a:pt x="1612295" y="1168841"/>
                    <a:pt x="3485372" y="1062760"/>
                    <a:pt x="5112182" y="225"/>
                  </a:cubicBezTo>
                  <a:lnTo>
                    <a:pt x="6257619" y="0"/>
                  </a:lnTo>
                  <a:cubicBezTo>
                    <a:pt x="5251866" y="1167126"/>
                    <a:pt x="2340094" y="1475647"/>
                    <a:pt x="99051" y="1757402"/>
                  </a:cubicBezTo>
                  <a:lnTo>
                    <a:pt x="0" y="1375034"/>
                  </a:lnTo>
                  <a:close/>
                </a:path>
              </a:pathLst>
            </a:custGeom>
            <a:gradFill flip="none" rotWithShape="1">
              <a:gsLst>
                <a:gs pos="7000">
                  <a:schemeClr val="tx2">
                    <a:lumMod val="75000"/>
                  </a:schemeClr>
                </a:gs>
                <a:gs pos="86000">
                  <a:schemeClr val="tx2">
                    <a:lumMod val="20000"/>
                    <a:lumOff val="80000"/>
                  </a:schemeClr>
                </a:gs>
                <a:gs pos="51000">
                  <a:schemeClr val="tx2">
                    <a:lumMod val="60000"/>
                    <a:lumOff val="40000"/>
                  </a:schemeClr>
                </a:gs>
              </a:gsLst>
              <a:lin ang="1890000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cxnSp>
        <p:nvCxnSpPr>
          <p:cNvPr id="8" name="Straight Connector 7"/>
          <p:cNvCxnSpPr/>
          <p:nvPr/>
        </p:nvCxnSpPr>
        <p:spPr>
          <a:xfrm flipV="1">
            <a:off x="2825858" y="5131273"/>
            <a:ext cx="0" cy="738108"/>
          </a:xfrm>
          <a:prstGeom prst="line">
            <a:avLst/>
          </a:prstGeom>
          <a:ln w="9525">
            <a:solidFill>
              <a:schemeClr val="bg1">
                <a:lumMod val="6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 flipV="1">
            <a:off x="5037113" y="4601661"/>
            <a:ext cx="0" cy="1082365"/>
          </a:xfrm>
          <a:prstGeom prst="line">
            <a:avLst/>
          </a:prstGeom>
          <a:ln w="9525">
            <a:solidFill>
              <a:schemeClr val="bg1">
                <a:lumMod val="6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 flipV="1">
            <a:off x="7331213" y="4087027"/>
            <a:ext cx="0" cy="1334500"/>
          </a:xfrm>
          <a:prstGeom prst="line">
            <a:avLst/>
          </a:prstGeom>
          <a:ln w="9525">
            <a:solidFill>
              <a:schemeClr val="bg1">
                <a:lumMod val="6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V="1">
            <a:off x="9433119" y="3402611"/>
            <a:ext cx="0" cy="1334500"/>
          </a:xfrm>
          <a:prstGeom prst="line">
            <a:avLst/>
          </a:prstGeom>
          <a:ln w="9525">
            <a:solidFill>
              <a:schemeClr val="bg1">
                <a:lumMod val="6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/>
        </p:nvSpPr>
        <p:spPr>
          <a:xfrm>
            <a:off x="8402340" y="2809859"/>
            <a:ext cx="20615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b="1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XAMPLE TEXT</a:t>
            </a: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/>
            </a:r>
            <a:b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dd your text here</a:t>
            </a:r>
            <a:endParaRPr lang="en-US" sz="1400" dirty="0">
              <a:solidFill>
                <a:schemeClr val="tx1">
                  <a:lumMod val="65000"/>
                  <a:lumOff val="35000"/>
                </a:schemeClr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1754966" y="4516881"/>
            <a:ext cx="20615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b="1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XAMPLE TEXT</a:t>
            </a: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/>
            </a:r>
            <a:b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dd your text here</a:t>
            </a:r>
            <a:endParaRPr lang="en-US" sz="1400" dirty="0">
              <a:solidFill>
                <a:schemeClr val="tx1">
                  <a:lumMod val="65000"/>
                  <a:lumOff val="35000"/>
                </a:schemeClr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4042872" y="4012711"/>
            <a:ext cx="20615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b="1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XAMPLE TEXT</a:t>
            </a: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/>
            </a:r>
            <a:b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dd your text here</a:t>
            </a:r>
            <a:endParaRPr lang="en-US" sz="1400" dirty="0">
              <a:solidFill>
                <a:schemeClr val="tx1">
                  <a:lumMod val="65000"/>
                  <a:lumOff val="35000"/>
                </a:schemeClr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6300434" y="3468870"/>
            <a:ext cx="20615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b="1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XAMPLE TEXT</a:t>
            </a: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/>
            </a:r>
            <a:b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fr-FR" sz="1400" dirty="0" smtClean="0">
                <a:solidFill>
                  <a:schemeClr val="tx1">
                    <a:lumMod val="65000"/>
                    <a:lumOff val="35000"/>
                  </a:schemeClr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dd your text here</a:t>
            </a:r>
            <a:endParaRPr lang="en-US" sz="1400" dirty="0">
              <a:solidFill>
                <a:schemeClr val="tx1">
                  <a:lumMod val="65000"/>
                  <a:lumOff val="35000"/>
                </a:schemeClr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6" name="Oval 15"/>
          <p:cNvSpPr/>
          <p:nvPr/>
        </p:nvSpPr>
        <p:spPr>
          <a:xfrm>
            <a:off x="7026264" y="5180942"/>
            <a:ext cx="648000" cy="648000"/>
          </a:xfrm>
          <a:prstGeom prst="ellipse">
            <a:avLst/>
          </a:prstGeom>
          <a:solidFill>
            <a:srgbClr val="8497B0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 smtClean="0">
                <a:solidFill>
                  <a:schemeClr val="bg1"/>
                </a:solidFill>
              </a:rPr>
              <a:t>3</a:t>
            </a:r>
            <a:endParaRPr lang="en-US" sz="2000" dirty="0">
              <a:solidFill>
                <a:schemeClr val="bg1"/>
              </a:solidFill>
            </a:endParaRPr>
          </a:p>
        </p:txBody>
      </p:sp>
      <p:sp>
        <p:nvSpPr>
          <p:cNvPr id="17" name="Oval 16"/>
          <p:cNvSpPr/>
          <p:nvPr/>
        </p:nvSpPr>
        <p:spPr>
          <a:xfrm>
            <a:off x="9109120" y="4628192"/>
            <a:ext cx="648000" cy="648000"/>
          </a:xfrm>
          <a:prstGeom prst="ellipse">
            <a:avLst/>
          </a:prstGeom>
          <a:solidFill>
            <a:srgbClr val="AFBBCC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 smtClean="0">
                <a:solidFill>
                  <a:schemeClr val="bg1"/>
                </a:solidFill>
              </a:rPr>
              <a:t>4</a:t>
            </a:r>
            <a:endParaRPr lang="en-US" sz="2000" dirty="0">
              <a:solidFill>
                <a:schemeClr val="bg1"/>
              </a:solidFill>
            </a:endParaRPr>
          </a:p>
        </p:txBody>
      </p:sp>
      <p:sp>
        <p:nvSpPr>
          <p:cNvPr id="18" name="Oval 17"/>
          <p:cNvSpPr/>
          <p:nvPr/>
        </p:nvSpPr>
        <p:spPr>
          <a:xfrm>
            <a:off x="2501858" y="5831281"/>
            <a:ext cx="648000" cy="648000"/>
          </a:xfrm>
          <a:prstGeom prst="ellipse">
            <a:avLst/>
          </a:prstGeom>
          <a:solidFill>
            <a:srgbClr val="2D3847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 smtClean="0"/>
              <a:t>1</a:t>
            </a:r>
            <a:endParaRPr lang="en-US" sz="2000" dirty="0"/>
          </a:p>
        </p:txBody>
      </p:sp>
      <p:sp>
        <p:nvSpPr>
          <p:cNvPr id="19" name="Oval 18"/>
          <p:cNvSpPr/>
          <p:nvPr/>
        </p:nvSpPr>
        <p:spPr>
          <a:xfrm>
            <a:off x="4713113" y="5577205"/>
            <a:ext cx="648000" cy="648000"/>
          </a:xfrm>
          <a:prstGeom prst="ellipse">
            <a:avLst/>
          </a:prstGeom>
          <a:solidFill>
            <a:srgbClr val="4F5C6D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 smtClean="0"/>
              <a:t>2</a:t>
            </a: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67646532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/>
          <p:cNvGrpSpPr/>
          <p:nvPr/>
        </p:nvGrpSpPr>
        <p:grpSpPr>
          <a:xfrm>
            <a:off x="1157339" y="2582820"/>
            <a:ext cx="9386701" cy="2030120"/>
            <a:chOff x="1392289" y="2544720"/>
            <a:chExt cx="9386701" cy="2030120"/>
          </a:xfrm>
        </p:grpSpPr>
        <p:cxnSp>
          <p:nvCxnSpPr>
            <p:cNvPr id="5" name="Straight Connector 4" title="callout lines">
              <a:extLst>
                <a:ext uri="{FF2B5EF4-FFF2-40B4-BE49-F238E27FC236}">
                  <a16:creationId xmlns:lc="http://schemas.openxmlformats.org/drawingml/2006/lockedCanvas" xmlns:a16="http://schemas.microsoft.com/office/drawing/2014/main" xmlns="" id="{975C6F4D-FEC6-41F0-80BD-1FBB84859CE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418990" y="3660290"/>
              <a:ext cx="9360000" cy="0"/>
            </a:xfrm>
            <a:prstGeom prst="line">
              <a:avLst/>
            </a:prstGeom>
            <a:ln w="9525" cmpd="sng">
              <a:solidFill>
                <a:schemeClr val="bg1">
                  <a:lumMod val="7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" name="Straight Connector 5" title="callout lines">
              <a:extLst>
                <a:ext uri="{FF2B5EF4-FFF2-40B4-BE49-F238E27FC236}">
                  <a16:creationId xmlns:lc="http://schemas.openxmlformats.org/drawingml/2006/lockedCanvas" xmlns:a16="http://schemas.microsoft.com/office/drawing/2014/main" xmlns="" id="{975C6F4D-FEC6-41F0-80BD-1FBB84859CE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3958720" y="2544720"/>
              <a:ext cx="0" cy="720000"/>
            </a:xfrm>
            <a:prstGeom prst="line">
              <a:avLst/>
            </a:prstGeom>
            <a:ln w="9525" cmpd="sng">
              <a:solidFill>
                <a:srgbClr val="E1D211"/>
              </a:solidFill>
              <a:prstDash val="sysDash"/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Straight Connector 6" title="callout lines">
              <a:extLst>
                <a:ext uri="{FF2B5EF4-FFF2-40B4-BE49-F238E27FC236}">
                  <a16:creationId xmlns:lc="http://schemas.openxmlformats.org/drawingml/2006/lockedCanvas" xmlns:a16="http://schemas.microsoft.com/office/drawing/2014/main" xmlns="" id="{975C6F4D-FEC6-41F0-80BD-1FBB84859CE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191582" y="2544720"/>
              <a:ext cx="0" cy="720000"/>
            </a:xfrm>
            <a:prstGeom prst="line">
              <a:avLst/>
            </a:prstGeom>
            <a:ln w="9525" cmpd="sng">
              <a:solidFill>
                <a:srgbClr val="11C1FF"/>
              </a:solidFill>
              <a:prstDash val="sysDash"/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Straight Connector 7" title="callout lines">
              <a:extLst>
                <a:ext uri="{FF2B5EF4-FFF2-40B4-BE49-F238E27FC236}">
                  <a16:creationId xmlns:lc="http://schemas.openxmlformats.org/drawingml/2006/lockedCanvas" xmlns:a16="http://schemas.microsoft.com/office/drawing/2014/main" xmlns="" id="{975C6F4D-FEC6-41F0-80BD-1FBB84859CE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1806994" y="3854840"/>
              <a:ext cx="0" cy="720000"/>
            </a:xfrm>
            <a:prstGeom prst="line">
              <a:avLst/>
            </a:prstGeom>
            <a:ln w="9525" cmpd="sng">
              <a:solidFill>
                <a:srgbClr val="00C894"/>
              </a:solidFill>
              <a:prstDash val="sysDash"/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Connector 8" title="callout lines">
              <a:extLst>
                <a:ext uri="{FF2B5EF4-FFF2-40B4-BE49-F238E27FC236}">
                  <a16:creationId xmlns:lc="http://schemas.openxmlformats.org/drawingml/2006/lockedCanvas" xmlns:a16="http://schemas.microsoft.com/office/drawing/2014/main" xmlns="" id="{975C6F4D-FEC6-41F0-80BD-1FBB84859CE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066600" y="3854840"/>
              <a:ext cx="0" cy="720000"/>
            </a:xfrm>
            <a:prstGeom prst="line">
              <a:avLst/>
            </a:prstGeom>
            <a:ln w="9525" cmpd="sng">
              <a:solidFill>
                <a:srgbClr val="8F45C7"/>
              </a:solidFill>
              <a:prstDash val="sysDash"/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 title="callout lines">
              <a:extLst>
                <a:ext uri="{FF2B5EF4-FFF2-40B4-BE49-F238E27FC236}">
                  <a16:creationId xmlns:lc="http://schemas.openxmlformats.org/drawingml/2006/lockedCanvas" xmlns:a16="http://schemas.microsoft.com/office/drawing/2014/main" xmlns="" id="{975C6F4D-FEC6-41F0-80BD-1FBB84859CE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10308094" y="3854840"/>
              <a:ext cx="0" cy="720000"/>
            </a:xfrm>
            <a:prstGeom prst="line">
              <a:avLst/>
            </a:prstGeom>
            <a:ln w="9525" cmpd="sng">
              <a:solidFill>
                <a:srgbClr val="FF5BAD"/>
              </a:solidFill>
              <a:prstDash val="sysDash"/>
              <a:headEnd type="oval" w="med" len="med"/>
              <a:tailEnd type="oval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1" name="Group 10"/>
            <p:cNvGrpSpPr/>
            <p:nvPr/>
          </p:nvGrpSpPr>
          <p:grpSpPr>
            <a:xfrm>
              <a:off x="3508720" y="3227830"/>
              <a:ext cx="900000" cy="900000"/>
              <a:chOff x="2478139" y="1082700"/>
              <a:chExt cx="900000" cy="900000"/>
            </a:xfrm>
          </p:grpSpPr>
          <p:sp>
            <p:nvSpPr>
              <p:cNvPr id="28" name="Oval 27"/>
              <p:cNvSpPr/>
              <p:nvPr/>
            </p:nvSpPr>
            <p:spPr>
              <a:xfrm>
                <a:off x="2478139" y="1082700"/>
                <a:ext cx="900000" cy="900000"/>
              </a:xfrm>
              <a:prstGeom prst="ellipse">
                <a:avLst/>
              </a:prstGeom>
              <a:solidFill>
                <a:srgbClr val="FFE05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  <p:sp>
            <p:nvSpPr>
              <p:cNvPr id="29" name="Oval 28"/>
              <p:cNvSpPr/>
              <p:nvPr/>
            </p:nvSpPr>
            <p:spPr>
              <a:xfrm>
                <a:off x="2604139" y="1208700"/>
                <a:ext cx="648000" cy="648000"/>
              </a:xfrm>
              <a:prstGeom prst="ellipse">
                <a:avLst/>
              </a:prstGeom>
              <a:solidFill>
                <a:srgbClr val="FFCC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  <p:sp>
            <p:nvSpPr>
              <p:cNvPr id="30" name="Oval 29"/>
              <p:cNvSpPr/>
              <p:nvPr/>
            </p:nvSpPr>
            <p:spPr>
              <a:xfrm>
                <a:off x="2748139" y="1352700"/>
                <a:ext cx="360000" cy="360000"/>
              </a:xfrm>
              <a:prstGeom prst="ellipse">
                <a:avLst/>
              </a:prstGeom>
              <a:solidFill>
                <a:srgbClr val="E6BA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>
                  <a:solidFill>
                    <a:srgbClr val="FFCC00"/>
                  </a:solidFill>
                </a:endParaRPr>
              </a:p>
            </p:txBody>
          </p:sp>
        </p:grpSp>
        <p:grpSp>
          <p:nvGrpSpPr>
            <p:cNvPr id="12" name="Group 11"/>
            <p:cNvGrpSpPr/>
            <p:nvPr/>
          </p:nvGrpSpPr>
          <p:grpSpPr>
            <a:xfrm>
              <a:off x="5625151" y="3227830"/>
              <a:ext cx="900000" cy="900000"/>
              <a:chOff x="2478139" y="1082700"/>
              <a:chExt cx="900000" cy="900000"/>
            </a:xfrm>
          </p:grpSpPr>
          <p:sp>
            <p:nvSpPr>
              <p:cNvPr id="25" name="Oval 24"/>
              <p:cNvSpPr/>
              <p:nvPr/>
            </p:nvSpPr>
            <p:spPr>
              <a:xfrm>
                <a:off x="2478139" y="1082700"/>
                <a:ext cx="900000" cy="900000"/>
              </a:xfrm>
              <a:prstGeom prst="ellipse">
                <a:avLst/>
              </a:prstGeom>
              <a:solidFill>
                <a:srgbClr val="A66BD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  <p:sp>
            <p:nvSpPr>
              <p:cNvPr id="26" name="Oval 25"/>
              <p:cNvSpPr/>
              <p:nvPr/>
            </p:nvSpPr>
            <p:spPr>
              <a:xfrm>
                <a:off x="2604139" y="1208700"/>
                <a:ext cx="648000" cy="648000"/>
              </a:xfrm>
              <a:prstGeom prst="ellipse">
                <a:avLst/>
              </a:prstGeom>
              <a:solidFill>
                <a:srgbClr val="8F45C7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  <p:sp>
            <p:nvSpPr>
              <p:cNvPr id="27" name="Oval 26"/>
              <p:cNvSpPr/>
              <p:nvPr/>
            </p:nvSpPr>
            <p:spPr>
              <a:xfrm>
                <a:off x="2748139" y="1352700"/>
                <a:ext cx="360000" cy="360000"/>
              </a:xfrm>
              <a:prstGeom prst="ellipse">
                <a:avLst/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</p:grpSp>
        <p:grpSp>
          <p:nvGrpSpPr>
            <p:cNvPr id="13" name="Group 12"/>
            <p:cNvGrpSpPr/>
            <p:nvPr/>
          </p:nvGrpSpPr>
          <p:grpSpPr>
            <a:xfrm>
              <a:off x="7741582" y="3227830"/>
              <a:ext cx="900000" cy="900000"/>
              <a:chOff x="2478139" y="1082700"/>
              <a:chExt cx="900000" cy="900000"/>
            </a:xfrm>
          </p:grpSpPr>
          <p:sp>
            <p:nvSpPr>
              <p:cNvPr id="22" name="Oval 21"/>
              <p:cNvSpPr/>
              <p:nvPr/>
            </p:nvSpPr>
            <p:spPr>
              <a:xfrm>
                <a:off x="2478139" y="1082700"/>
                <a:ext cx="900000" cy="900000"/>
              </a:xfrm>
              <a:prstGeom prst="ellipse">
                <a:avLst/>
              </a:prstGeom>
              <a:solidFill>
                <a:srgbClr val="5BD4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  <p:sp>
            <p:nvSpPr>
              <p:cNvPr id="23" name="Oval 22"/>
              <p:cNvSpPr/>
              <p:nvPr/>
            </p:nvSpPr>
            <p:spPr>
              <a:xfrm>
                <a:off x="2604139" y="1208700"/>
                <a:ext cx="648000" cy="648000"/>
              </a:xfrm>
              <a:prstGeom prst="ellipse">
                <a:avLst/>
              </a:prstGeom>
              <a:solidFill>
                <a:srgbClr val="11C1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  <p:sp>
            <p:nvSpPr>
              <p:cNvPr id="24" name="Oval 23"/>
              <p:cNvSpPr/>
              <p:nvPr/>
            </p:nvSpPr>
            <p:spPr>
              <a:xfrm>
                <a:off x="2748139" y="1352700"/>
                <a:ext cx="360000" cy="360000"/>
              </a:xfrm>
              <a:prstGeom prst="ellipse">
                <a:avLst/>
              </a:prstGeom>
              <a:solidFill>
                <a:srgbClr val="00B0F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</p:grpSp>
        <p:grpSp>
          <p:nvGrpSpPr>
            <p:cNvPr id="14" name="Group 13"/>
            <p:cNvGrpSpPr/>
            <p:nvPr/>
          </p:nvGrpSpPr>
          <p:grpSpPr>
            <a:xfrm>
              <a:off x="9877062" y="3227830"/>
              <a:ext cx="900000" cy="900000"/>
              <a:chOff x="2478139" y="1082700"/>
              <a:chExt cx="900000" cy="900000"/>
            </a:xfrm>
          </p:grpSpPr>
          <p:sp>
            <p:nvSpPr>
              <p:cNvPr id="19" name="Oval 18"/>
              <p:cNvSpPr/>
              <p:nvPr/>
            </p:nvSpPr>
            <p:spPr>
              <a:xfrm>
                <a:off x="2478139" y="1082700"/>
                <a:ext cx="900000" cy="900000"/>
              </a:xfrm>
              <a:prstGeom prst="ellipse">
                <a:avLst/>
              </a:prstGeom>
              <a:solidFill>
                <a:srgbClr val="FF99CC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  <p:sp>
            <p:nvSpPr>
              <p:cNvPr id="20" name="Oval 19"/>
              <p:cNvSpPr/>
              <p:nvPr/>
            </p:nvSpPr>
            <p:spPr>
              <a:xfrm>
                <a:off x="2604139" y="1208700"/>
                <a:ext cx="648000" cy="648000"/>
              </a:xfrm>
              <a:prstGeom prst="ellipse">
                <a:avLst/>
              </a:prstGeom>
              <a:solidFill>
                <a:srgbClr val="FF81C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  <p:sp>
            <p:nvSpPr>
              <p:cNvPr id="21" name="Oval 20"/>
              <p:cNvSpPr/>
              <p:nvPr/>
            </p:nvSpPr>
            <p:spPr>
              <a:xfrm>
                <a:off x="2748139" y="1352700"/>
                <a:ext cx="360000" cy="360000"/>
              </a:xfrm>
              <a:prstGeom prst="ellipse">
                <a:avLst/>
              </a:prstGeom>
              <a:solidFill>
                <a:srgbClr val="FF5BAD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</p:grpSp>
        <p:grpSp>
          <p:nvGrpSpPr>
            <p:cNvPr id="15" name="Group 14"/>
            <p:cNvGrpSpPr/>
            <p:nvPr/>
          </p:nvGrpSpPr>
          <p:grpSpPr>
            <a:xfrm>
              <a:off x="1392289" y="3227830"/>
              <a:ext cx="900000" cy="900000"/>
              <a:chOff x="2478139" y="1082700"/>
              <a:chExt cx="900000" cy="900000"/>
            </a:xfrm>
          </p:grpSpPr>
          <p:sp>
            <p:nvSpPr>
              <p:cNvPr id="16" name="Oval 15"/>
              <p:cNvSpPr/>
              <p:nvPr/>
            </p:nvSpPr>
            <p:spPr>
              <a:xfrm>
                <a:off x="2478139" y="1082700"/>
                <a:ext cx="900000" cy="900000"/>
              </a:xfrm>
              <a:prstGeom prst="ellipse">
                <a:avLst/>
              </a:prstGeom>
              <a:solidFill>
                <a:srgbClr val="2BED7A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  <p:sp>
            <p:nvSpPr>
              <p:cNvPr id="17" name="Oval 16"/>
              <p:cNvSpPr/>
              <p:nvPr/>
            </p:nvSpPr>
            <p:spPr>
              <a:xfrm>
                <a:off x="2604139" y="1208700"/>
                <a:ext cx="648000" cy="648000"/>
              </a:xfrm>
              <a:prstGeom prst="ellipse">
                <a:avLst/>
              </a:prstGeom>
              <a:solidFill>
                <a:srgbClr val="12D86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  <p:sp>
            <p:nvSpPr>
              <p:cNvPr id="18" name="Oval 17"/>
              <p:cNvSpPr/>
              <p:nvPr/>
            </p:nvSpPr>
            <p:spPr>
              <a:xfrm>
                <a:off x="2748139" y="1352700"/>
                <a:ext cx="360000" cy="360000"/>
              </a:xfrm>
              <a:prstGeom prst="ellipse">
                <a:avLst/>
              </a:prstGeom>
              <a:solidFill>
                <a:srgbClr val="0FB55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/>
              </a:p>
            </p:txBody>
          </p:sp>
        </p:grpSp>
      </p:grpSp>
      <p:grpSp>
        <p:nvGrpSpPr>
          <p:cNvPr id="31" name="Group 30"/>
          <p:cNvGrpSpPr/>
          <p:nvPr/>
        </p:nvGrpSpPr>
        <p:grpSpPr>
          <a:xfrm>
            <a:off x="1529804" y="4805704"/>
            <a:ext cx="1524445" cy="746415"/>
            <a:chOff x="1443690" y="1981312"/>
            <a:chExt cx="2034521" cy="746415"/>
          </a:xfrm>
        </p:grpSpPr>
        <p:sp>
          <p:nvSpPr>
            <p:cNvPr id="32" name="TextBox 31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0FB552"/>
                  </a:solidFill>
                </a:rPr>
                <a:t>Milestone</a:t>
              </a:r>
            </a:p>
          </p:txBody>
        </p:sp>
        <p:sp>
          <p:nvSpPr>
            <p:cNvPr id="33" name="TextBox 32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34" name="TextBox 33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3658070" y="1960686"/>
            <a:ext cx="1524445" cy="462344"/>
            <a:chOff x="1443690" y="1981312"/>
            <a:chExt cx="2034521" cy="462344"/>
          </a:xfrm>
        </p:grpSpPr>
        <p:sp>
          <p:nvSpPr>
            <p:cNvPr id="36" name="TextBox 35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E1D211"/>
                  </a:solidFill>
                </a:rPr>
                <a:t>Milestone</a:t>
              </a:r>
            </a:p>
          </p:txBody>
        </p:sp>
        <p:sp>
          <p:nvSpPr>
            <p:cNvPr id="37" name="TextBox 36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38" name="Group 37"/>
          <p:cNvGrpSpPr/>
          <p:nvPr/>
        </p:nvGrpSpPr>
        <p:grpSpPr>
          <a:xfrm>
            <a:off x="7899482" y="1960686"/>
            <a:ext cx="1524445" cy="462344"/>
            <a:chOff x="1443690" y="1981312"/>
            <a:chExt cx="2034521" cy="462344"/>
          </a:xfrm>
        </p:grpSpPr>
        <p:sp>
          <p:nvSpPr>
            <p:cNvPr id="39" name="TextBox 38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11C1FF"/>
                  </a:solidFill>
                </a:rPr>
                <a:t>Milestone</a:t>
              </a:r>
            </a:p>
          </p:txBody>
        </p:sp>
        <p:sp>
          <p:nvSpPr>
            <p:cNvPr id="40" name="TextBox 39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41" name="Group 40"/>
          <p:cNvGrpSpPr/>
          <p:nvPr/>
        </p:nvGrpSpPr>
        <p:grpSpPr>
          <a:xfrm>
            <a:off x="5717351" y="4805704"/>
            <a:ext cx="1524445" cy="462344"/>
            <a:chOff x="1443690" y="1981312"/>
            <a:chExt cx="2034521" cy="462344"/>
          </a:xfrm>
        </p:grpSpPr>
        <p:sp>
          <p:nvSpPr>
            <p:cNvPr id="42" name="TextBox 41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8F45C7"/>
                  </a:solidFill>
                </a:rPr>
                <a:t>Milestone</a:t>
              </a:r>
            </a:p>
          </p:txBody>
        </p:sp>
        <p:sp>
          <p:nvSpPr>
            <p:cNvPr id="43" name="TextBox 42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44" name="Group 43"/>
          <p:cNvGrpSpPr/>
          <p:nvPr/>
        </p:nvGrpSpPr>
        <p:grpSpPr>
          <a:xfrm>
            <a:off x="9996944" y="4805704"/>
            <a:ext cx="1524445" cy="462344"/>
            <a:chOff x="1443690" y="1981312"/>
            <a:chExt cx="2034521" cy="462344"/>
          </a:xfrm>
        </p:grpSpPr>
        <p:sp>
          <p:nvSpPr>
            <p:cNvPr id="45" name="TextBox 44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FF5BAD"/>
                  </a:solidFill>
                </a:rPr>
                <a:t>Milestone</a:t>
              </a:r>
            </a:p>
          </p:txBody>
        </p:sp>
        <p:sp>
          <p:nvSpPr>
            <p:cNvPr id="46" name="TextBox 45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76738809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phic 186" descr="Flag">
            <a:extLst>
              <a:ext uri="{FF2B5EF4-FFF2-40B4-BE49-F238E27FC236}">
                <a16:creationId xmlns:lc="http://schemas.openxmlformats.org/drawingml/2006/lockedCanvas" xmlns:a16="http://schemas.microsoft.com/office/drawing/2014/main" xmlns="" id="{1F84156B-17D0-4E53-9AB1-A6E7C900DF0B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lc="http://schemas.openxmlformats.org/drawingml/2006/lockedCanvas" xmlns:asvg="http://schemas.microsoft.com/office/drawing/2016/SVG/main" xmlns="" r:embed="rId5"/>
              </a:ext>
            </a:extLst>
          </a:blip>
          <a:srcRect l="33525" t="18748" r="17129" b="44918"/>
          <a:stretch/>
        </p:blipFill>
        <p:spPr>
          <a:xfrm flipH="1">
            <a:off x="8069903" y="812285"/>
            <a:ext cx="573660" cy="422383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659066" y="4772405"/>
            <a:ext cx="10851639" cy="79894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Box 194">
            <a:extLst>
              <a:ext uri="{FF2B5EF4-FFF2-40B4-BE49-F238E27FC236}">
                <a16:creationId xmlns:lc="http://schemas.openxmlformats.org/drawingml/2006/lockedCanvas" xmlns:a16="http://schemas.microsoft.com/office/drawing/2014/main" xmlns="" id="{2BD778E6-D334-4389-B4C0-6C793B6E1E82}"/>
              </a:ext>
            </a:extLst>
          </p:cNvPr>
          <p:cNvSpPr txBox="1"/>
          <p:nvPr/>
        </p:nvSpPr>
        <p:spPr>
          <a:xfrm>
            <a:off x="753120" y="5272642"/>
            <a:ext cx="569010" cy="23573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ZA" sz="1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20YY</a:t>
            </a:r>
          </a:p>
        </p:txBody>
      </p:sp>
      <p:sp>
        <p:nvSpPr>
          <p:cNvPr id="5" name="Rectangle: Rounded Corners 1" title="Year Bar">
            <a:extLst>
              <a:ext uri="{FF2B5EF4-FFF2-40B4-BE49-F238E27FC236}">
                <a16:creationId xmlns:lc="http://schemas.openxmlformats.org/drawingml/2006/lockedCanvas" xmlns:a16="http://schemas.microsoft.com/office/drawing/2014/main" xmlns="" id="{64E02AE9-6B6C-4B9C-ABBB-1E374B6CA82E}"/>
              </a:ext>
            </a:extLst>
          </p:cNvPr>
          <p:cNvSpPr/>
          <p:nvPr/>
        </p:nvSpPr>
        <p:spPr>
          <a:xfrm>
            <a:off x="805109" y="5028899"/>
            <a:ext cx="2376000" cy="164859"/>
          </a:xfrm>
          <a:prstGeom prst="roundRect">
            <a:avLst>
              <a:gd name="adj" fmla="val 50000"/>
            </a:avLst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dirty="0"/>
          </a:p>
        </p:txBody>
      </p:sp>
      <p:cxnSp>
        <p:nvCxnSpPr>
          <p:cNvPr id="6" name="Straight Connector 5" title="callout lines">
            <a:extLst>
              <a:ext uri="{FF2B5EF4-FFF2-40B4-BE49-F238E27FC236}">
                <a16:creationId xmlns:lc="http://schemas.openxmlformats.org/drawingml/2006/lockedCanvas" xmlns:a16="http://schemas.microsoft.com/office/drawing/2014/main" xmlns="" id="{58C06FCD-B8D5-441F-8E12-DDC26E69D281}"/>
              </a:ext>
            </a:extLst>
          </p:cNvPr>
          <p:cNvCxnSpPr>
            <a:cxnSpLocks/>
          </p:cNvCxnSpPr>
          <p:nvPr/>
        </p:nvCxnSpPr>
        <p:spPr>
          <a:xfrm>
            <a:off x="1673441" y="3382186"/>
            <a:ext cx="0" cy="1440000"/>
          </a:xfrm>
          <a:prstGeom prst="line">
            <a:avLst/>
          </a:prstGeom>
          <a:ln w="9525" cmpd="sng">
            <a:solidFill>
              <a:schemeClr val="accent1">
                <a:lumMod val="60000"/>
                <a:lumOff val="40000"/>
              </a:schemeClr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195">
            <a:extLst>
              <a:ext uri="{FF2B5EF4-FFF2-40B4-BE49-F238E27FC236}">
                <a16:creationId xmlns:lc="http://schemas.openxmlformats.org/drawingml/2006/lockedCanvas" xmlns:a16="http://schemas.microsoft.com/office/drawing/2014/main" xmlns="" id="{9E24B3E5-9E8A-4B3A-ADB6-4481250B3F2A}"/>
              </a:ext>
            </a:extLst>
          </p:cNvPr>
          <p:cNvSpPr txBox="1"/>
          <p:nvPr/>
        </p:nvSpPr>
        <p:spPr>
          <a:xfrm>
            <a:off x="3344016" y="5274830"/>
            <a:ext cx="569010" cy="23573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ZA" sz="1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20YY</a:t>
            </a:r>
          </a:p>
        </p:txBody>
      </p:sp>
      <p:sp>
        <p:nvSpPr>
          <p:cNvPr id="8" name="Rectangle: Rounded Corners 188" title="Year Bar">
            <a:extLst>
              <a:ext uri="{FF2B5EF4-FFF2-40B4-BE49-F238E27FC236}">
                <a16:creationId xmlns:lc="http://schemas.openxmlformats.org/drawingml/2006/lockedCanvas" xmlns:a16="http://schemas.microsoft.com/office/drawing/2014/main" xmlns="" id="{4216F653-445A-48AE-9E7F-2BCB19F1649E}"/>
              </a:ext>
            </a:extLst>
          </p:cNvPr>
          <p:cNvSpPr/>
          <p:nvPr/>
        </p:nvSpPr>
        <p:spPr>
          <a:xfrm>
            <a:off x="3459802" y="5029490"/>
            <a:ext cx="2376000" cy="164859"/>
          </a:xfrm>
          <a:prstGeom prst="roundRect">
            <a:avLst>
              <a:gd name="adj" fmla="val 50000"/>
            </a:avLst>
          </a:prstGeom>
          <a:solidFill>
            <a:srgbClr val="0CE25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dirty="0"/>
          </a:p>
        </p:txBody>
      </p:sp>
      <p:cxnSp>
        <p:nvCxnSpPr>
          <p:cNvPr id="9" name="Straight Connector 8" title="callout lines">
            <a:extLst>
              <a:ext uri="{FF2B5EF4-FFF2-40B4-BE49-F238E27FC236}">
                <a16:creationId xmlns:lc="http://schemas.openxmlformats.org/drawingml/2006/lockedCanvas" xmlns:a16="http://schemas.microsoft.com/office/drawing/2014/main" xmlns="" id="{BDE716C9-4F7D-4C14-9DD7-E104B8688070}"/>
              </a:ext>
            </a:extLst>
          </p:cNvPr>
          <p:cNvCxnSpPr>
            <a:cxnSpLocks/>
          </p:cNvCxnSpPr>
          <p:nvPr/>
        </p:nvCxnSpPr>
        <p:spPr>
          <a:xfrm>
            <a:off x="4262619" y="3245819"/>
            <a:ext cx="0" cy="1383384"/>
          </a:xfrm>
          <a:prstGeom prst="line">
            <a:avLst/>
          </a:prstGeom>
          <a:ln w="9525" cmpd="sng">
            <a:solidFill>
              <a:srgbClr val="0CE25E"/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196">
            <a:extLst>
              <a:ext uri="{FF2B5EF4-FFF2-40B4-BE49-F238E27FC236}">
                <a16:creationId xmlns:lc="http://schemas.openxmlformats.org/drawingml/2006/lockedCanvas" xmlns:a16="http://schemas.microsoft.com/office/drawing/2014/main" xmlns="" id="{3984115C-22F4-41EB-BF04-E71D3503F2B5}"/>
              </a:ext>
            </a:extLst>
          </p:cNvPr>
          <p:cNvSpPr txBox="1"/>
          <p:nvPr/>
        </p:nvSpPr>
        <p:spPr>
          <a:xfrm>
            <a:off x="5924550" y="5263991"/>
            <a:ext cx="569010" cy="23573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ZA" sz="1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20YY</a:t>
            </a:r>
          </a:p>
        </p:txBody>
      </p:sp>
      <p:sp>
        <p:nvSpPr>
          <p:cNvPr id="11" name="Rectangle: Rounded Corners 189" title="Year Bar">
            <a:extLst>
              <a:ext uri="{FF2B5EF4-FFF2-40B4-BE49-F238E27FC236}">
                <a16:creationId xmlns:lc="http://schemas.openxmlformats.org/drawingml/2006/lockedCanvas" xmlns:a16="http://schemas.microsoft.com/office/drawing/2014/main" xmlns="" id="{A39C3188-7311-466A-8363-02881CE1722D}"/>
              </a:ext>
            </a:extLst>
          </p:cNvPr>
          <p:cNvSpPr/>
          <p:nvPr/>
        </p:nvSpPr>
        <p:spPr>
          <a:xfrm>
            <a:off x="6000196" y="5012673"/>
            <a:ext cx="2376000" cy="164859"/>
          </a:xfrm>
          <a:prstGeom prst="roundRect">
            <a:avLst>
              <a:gd name="adj" fmla="val 50000"/>
            </a:avLst>
          </a:prstGeom>
          <a:solidFill>
            <a:srgbClr val="F0E22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dirty="0"/>
          </a:p>
        </p:txBody>
      </p:sp>
      <p:cxnSp>
        <p:nvCxnSpPr>
          <p:cNvPr id="12" name="Straight Connector 11" title="callout lines">
            <a:extLst>
              <a:ext uri="{FF2B5EF4-FFF2-40B4-BE49-F238E27FC236}">
                <a16:creationId xmlns:lc="http://schemas.openxmlformats.org/drawingml/2006/lockedCanvas" xmlns:a16="http://schemas.microsoft.com/office/drawing/2014/main" xmlns="" id="{975C6F4D-FEC6-41F0-80BD-1FBB84859CE0}"/>
              </a:ext>
            </a:extLst>
          </p:cNvPr>
          <p:cNvCxnSpPr>
            <a:cxnSpLocks/>
          </p:cNvCxnSpPr>
          <p:nvPr/>
        </p:nvCxnSpPr>
        <p:spPr>
          <a:xfrm>
            <a:off x="6187453" y="2707900"/>
            <a:ext cx="0" cy="1920020"/>
          </a:xfrm>
          <a:prstGeom prst="line">
            <a:avLst/>
          </a:prstGeom>
          <a:ln w="9525" cmpd="sng">
            <a:solidFill>
              <a:srgbClr val="F0E22E"/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97">
            <a:extLst>
              <a:ext uri="{FF2B5EF4-FFF2-40B4-BE49-F238E27FC236}">
                <a16:creationId xmlns:lc="http://schemas.openxmlformats.org/drawingml/2006/lockedCanvas" xmlns:a16="http://schemas.microsoft.com/office/drawing/2014/main" xmlns="" id="{384B4D5E-DF22-4556-9F7B-E0627361D734}"/>
              </a:ext>
            </a:extLst>
          </p:cNvPr>
          <p:cNvSpPr txBox="1"/>
          <p:nvPr/>
        </p:nvSpPr>
        <p:spPr>
          <a:xfrm>
            <a:off x="8514118" y="5274151"/>
            <a:ext cx="569010" cy="23573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ZA" sz="1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20YY</a:t>
            </a:r>
          </a:p>
        </p:txBody>
      </p:sp>
      <p:sp>
        <p:nvSpPr>
          <p:cNvPr id="14" name="Rectangle: Rounded Corners 190" title="Year Bar">
            <a:extLst>
              <a:ext uri="{FF2B5EF4-FFF2-40B4-BE49-F238E27FC236}">
                <a16:creationId xmlns:lc="http://schemas.openxmlformats.org/drawingml/2006/lockedCanvas" xmlns:a16="http://schemas.microsoft.com/office/drawing/2014/main" xmlns="" id="{45AC82F1-31F7-4BDE-BF7C-2E9A090107E7}"/>
              </a:ext>
            </a:extLst>
          </p:cNvPr>
          <p:cNvSpPr/>
          <p:nvPr/>
        </p:nvSpPr>
        <p:spPr>
          <a:xfrm>
            <a:off x="8654889" y="5023424"/>
            <a:ext cx="2376000" cy="164859"/>
          </a:xfrm>
          <a:prstGeom prst="roundRect">
            <a:avLst>
              <a:gd name="adj" fmla="val 50000"/>
            </a:avLst>
          </a:prstGeom>
          <a:solidFill>
            <a:srgbClr val="FF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dirty="0"/>
          </a:p>
        </p:txBody>
      </p:sp>
      <p:cxnSp>
        <p:nvCxnSpPr>
          <p:cNvPr id="15" name="Straight Connector 14" title="callout lines">
            <a:extLst>
              <a:ext uri="{FF2B5EF4-FFF2-40B4-BE49-F238E27FC236}">
                <a16:creationId xmlns:lc="http://schemas.openxmlformats.org/drawingml/2006/lockedCanvas" xmlns:a16="http://schemas.microsoft.com/office/drawing/2014/main" xmlns="" id="{748624D8-A75F-4E91-B76D-0419E48EB017}"/>
              </a:ext>
            </a:extLst>
          </p:cNvPr>
          <p:cNvCxnSpPr>
            <a:cxnSpLocks/>
          </p:cNvCxnSpPr>
          <p:nvPr/>
        </p:nvCxnSpPr>
        <p:spPr>
          <a:xfrm>
            <a:off x="8765576" y="1839976"/>
            <a:ext cx="0" cy="2880000"/>
          </a:xfrm>
          <a:prstGeom prst="line">
            <a:avLst/>
          </a:prstGeom>
          <a:ln w="9525" cmpd="sng">
            <a:solidFill>
              <a:srgbClr val="FF6699"/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val 15">
            <a:extLst>
              <a:ext uri="{FF2B5EF4-FFF2-40B4-BE49-F238E27FC236}">
                <a16:creationId xmlns="" xmlns:a16="http://schemas.microsoft.com/office/drawing/2014/main" id="{74AE39C1-CE7F-4294-BA9F-DE5050CFDD2F}"/>
              </a:ext>
            </a:extLst>
          </p:cNvPr>
          <p:cNvSpPr/>
          <p:nvPr/>
        </p:nvSpPr>
        <p:spPr>
          <a:xfrm>
            <a:off x="2832989" y="4653320"/>
            <a:ext cx="256014" cy="256014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17" name="Oval 16">
            <a:extLst>
              <a:ext uri="{FF2B5EF4-FFF2-40B4-BE49-F238E27FC236}">
                <a16:creationId xmlns="" xmlns:a16="http://schemas.microsoft.com/office/drawing/2014/main" id="{4EC46266-F9A2-46D0-9AAB-09889D0F8267}"/>
              </a:ext>
            </a:extLst>
          </p:cNvPr>
          <p:cNvSpPr/>
          <p:nvPr/>
        </p:nvSpPr>
        <p:spPr>
          <a:xfrm>
            <a:off x="2175360" y="4653320"/>
            <a:ext cx="256014" cy="256014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18" name="Oval 17">
            <a:extLst>
              <a:ext uri="{FF2B5EF4-FFF2-40B4-BE49-F238E27FC236}">
                <a16:creationId xmlns="" xmlns:a16="http://schemas.microsoft.com/office/drawing/2014/main" id="{90488C51-8860-4A29-A9FF-840EEF3025C6}"/>
              </a:ext>
            </a:extLst>
          </p:cNvPr>
          <p:cNvSpPr/>
          <p:nvPr/>
        </p:nvSpPr>
        <p:spPr>
          <a:xfrm>
            <a:off x="1531097" y="4653320"/>
            <a:ext cx="256014" cy="256014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="" xmlns:a16="http://schemas.microsoft.com/office/drawing/2014/main" id="{2816A943-3130-484E-97D1-6C7917F3DD30}"/>
              </a:ext>
            </a:extLst>
          </p:cNvPr>
          <p:cNvSpPr/>
          <p:nvPr/>
        </p:nvSpPr>
        <p:spPr>
          <a:xfrm>
            <a:off x="885133" y="4653320"/>
            <a:ext cx="256014" cy="256014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="" xmlns:a16="http://schemas.microsoft.com/office/drawing/2014/main" id="{4E8CE979-A9B5-418A-BC22-CF6E42776816}"/>
              </a:ext>
            </a:extLst>
          </p:cNvPr>
          <p:cNvSpPr txBox="1"/>
          <p:nvPr/>
        </p:nvSpPr>
        <p:spPr>
          <a:xfrm>
            <a:off x="902931" y="4718056"/>
            <a:ext cx="216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1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="" xmlns:a16="http://schemas.microsoft.com/office/drawing/2014/main" id="{6DF41A29-164B-42EC-9F68-19D2E3AEC527}"/>
              </a:ext>
            </a:extLst>
          </p:cNvPr>
          <p:cNvSpPr txBox="1"/>
          <p:nvPr/>
        </p:nvSpPr>
        <p:spPr>
          <a:xfrm>
            <a:off x="1550381" y="4718056"/>
            <a:ext cx="216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2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="" xmlns:a16="http://schemas.microsoft.com/office/drawing/2014/main" id="{7162BA43-FD37-4686-8437-28F117A90A25}"/>
              </a:ext>
            </a:extLst>
          </p:cNvPr>
          <p:cNvSpPr txBox="1"/>
          <p:nvPr/>
        </p:nvSpPr>
        <p:spPr>
          <a:xfrm>
            <a:off x="2197831" y="4718056"/>
            <a:ext cx="216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3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="" xmlns:a16="http://schemas.microsoft.com/office/drawing/2014/main" id="{2717FE78-5079-4505-AEB2-D90CAE956F0A}"/>
              </a:ext>
            </a:extLst>
          </p:cNvPr>
          <p:cNvSpPr txBox="1"/>
          <p:nvPr/>
        </p:nvSpPr>
        <p:spPr>
          <a:xfrm>
            <a:off x="2845281" y="4718056"/>
            <a:ext cx="216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4</a:t>
            </a:r>
          </a:p>
        </p:txBody>
      </p:sp>
      <p:sp>
        <p:nvSpPr>
          <p:cNvPr id="24" name="Oval 23">
            <a:extLst>
              <a:ext uri="{FF2B5EF4-FFF2-40B4-BE49-F238E27FC236}">
                <a16:creationId xmlns="" xmlns:a16="http://schemas.microsoft.com/office/drawing/2014/main" id="{DDADAC53-FEC9-400E-B7FC-72F25EF0FE21}"/>
              </a:ext>
            </a:extLst>
          </p:cNvPr>
          <p:cNvSpPr/>
          <p:nvPr/>
        </p:nvSpPr>
        <p:spPr>
          <a:xfrm>
            <a:off x="5414254" y="4653320"/>
            <a:ext cx="256014" cy="256014"/>
          </a:xfrm>
          <a:prstGeom prst="ellipse">
            <a:avLst/>
          </a:prstGeom>
          <a:solidFill>
            <a:srgbClr val="0CE25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="" xmlns:a16="http://schemas.microsoft.com/office/drawing/2014/main" id="{EC0BAC80-DECA-4286-9763-E1B32B824792}"/>
              </a:ext>
            </a:extLst>
          </p:cNvPr>
          <p:cNvSpPr/>
          <p:nvPr/>
        </p:nvSpPr>
        <p:spPr>
          <a:xfrm>
            <a:off x="4765229" y="4653320"/>
            <a:ext cx="256014" cy="256014"/>
          </a:xfrm>
          <a:prstGeom prst="ellipse">
            <a:avLst/>
          </a:prstGeom>
          <a:solidFill>
            <a:srgbClr val="0CE25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="" xmlns:a16="http://schemas.microsoft.com/office/drawing/2014/main" id="{83C4B4F8-27D7-41DD-896D-A1B91FF462FD}"/>
              </a:ext>
            </a:extLst>
          </p:cNvPr>
          <p:cNvSpPr/>
          <p:nvPr/>
        </p:nvSpPr>
        <p:spPr>
          <a:xfrm>
            <a:off x="4128707" y="4653320"/>
            <a:ext cx="256014" cy="256014"/>
          </a:xfrm>
          <a:prstGeom prst="ellipse">
            <a:avLst/>
          </a:prstGeom>
          <a:solidFill>
            <a:srgbClr val="0CE25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="" xmlns:a16="http://schemas.microsoft.com/office/drawing/2014/main" id="{AE29C92D-0A5A-405A-B0B6-9115A90C3CB7}"/>
              </a:ext>
            </a:extLst>
          </p:cNvPr>
          <p:cNvSpPr/>
          <p:nvPr/>
        </p:nvSpPr>
        <p:spPr>
          <a:xfrm>
            <a:off x="3471517" y="4653320"/>
            <a:ext cx="256014" cy="256014"/>
          </a:xfrm>
          <a:prstGeom prst="ellipse">
            <a:avLst/>
          </a:prstGeom>
          <a:solidFill>
            <a:srgbClr val="0CE25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="" xmlns:a16="http://schemas.microsoft.com/office/drawing/2014/main" id="{316E8E00-CDAC-4884-B354-EEC46B99951A}"/>
              </a:ext>
            </a:extLst>
          </p:cNvPr>
          <p:cNvSpPr txBox="1"/>
          <p:nvPr/>
        </p:nvSpPr>
        <p:spPr>
          <a:xfrm>
            <a:off x="3492731" y="4718056"/>
            <a:ext cx="216000" cy="144000"/>
          </a:xfrm>
          <a:prstGeom prst="rect">
            <a:avLst/>
          </a:prstGeom>
          <a:solidFill>
            <a:srgbClr val="0CE25E"/>
          </a:solidFill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1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="" xmlns:a16="http://schemas.microsoft.com/office/drawing/2014/main" id="{99123C15-08DD-4459-98C8-FB1D88A48434}"/>
              </a:ext>
            </a:extLst>
          </p:cNvPr>
          <p:cNvSpPr txBox="1"/>
          <p:nvPr/>
        </p:nvSpPr>
        <p:spPr>
          <a:xfrm>
            <a:off x="4140181" y="4718056"/>
            <a:ext cx="216000" cy="144000"/>
          </a:xfrm>
          <a:prstGeom prst="rect">
            <a:avLst/>
          </a:prstGeom>
          <a:solidFill>
            <a:srgbClr val="0CE25E"/>
          </a:solidFill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2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="" xmlns:a16="http://schemas.microsoft.com/office/drawing/2014/main" id="{702C22D6-E9B8-49C2-813B-3220EF5976F5}"/>
              </a:ext>
            </a:extLst>
          </p:cNvPr>
          <p:cNvSpPr txBox="1"/>
          <p:nvPr/>
        </p:nvSpPr>
        <p:spPr>
          <a:xfrm>
            <a:off x="4787631" y="4718056"/>
            <a:ext cx="216000" cy="144000"/>
          </a:xfrm>
          <a:prstGeom prst="rect">
            <a:avLst/>
          </a:prstGeom>
          <a:solidFill>
            <a:srgbClr val="0CE25E"/>
          </a:solidFill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3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="" xmlns:a16="http://schemas.microsoft.com/office/drawing/2014/main" id="{71DFD606-8479-465C-B5A5-ACC2FD6A05AD}"/>
              </a:ext>
            </a:extLst>
          </p:cNvPr>
          <p:cNvSpPr txBox="1"/>
          <p:nvPr/>
        </p:nvSpPr>
        <p:spPr>
          <a:xfrm>
            <a:off x="5435081" y="4718056"/>
            <a:ext cx="216000" cy="144000"/>
          </a:xfrm>
          <a:prstGeom prst="rect">
            <a:avLst/>
          </a:prstGeom>
          <a:solidFill>
            <a:srgbClr val="0CE25E"/>
          </a:solidFill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4</a:t>
            </a:r>
          </a:p>
        </p:txBody>
      </p:sp>
      <p:sp>
        <p:nvSpPr>
          <p:cNvPr id="32" name="Oval 31">
            <a:extLst>
              <a:ext uri="{FF2B5EF4-FFF2-40B4-BE49-F238E27FC236}">
                <a16:creationId xmlns="" xmlns:a16="http://schemas.microsoft.com/office/drawing/2014/main" id="{CD235FFC-6A0E-47AF-AC8F-20677EB444FC}"/>
              </a:ext>
            </a:extLst>
          </p:cNvPr>
          <p:cNvSpPr/>
          <p:nvPr/>
        </p:nvSpPr>
        <p:spPr>
          <a:xfrm>
            <a:off x="8015288" y="4643160"/>
            <a:ext cx="256014" cy="256014"/>
          </a:xfrm>
          <a:prstGeom prst="ellipse">
            <a:avLst/>
          </a:prstGeom>
          <a:solidFill>
            <a:srgbClr val="F0E22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="" xmlns:a16="http://schemas.microsoft.com/office/drawing/2014/main" id="{D7F66751-5B2A-464C-A0AD-37B9D94CCC55}"/>
              </a:ext>
            </a:extLst>
          </p:cNvPr>
          <p:cNvSpPr/>
          <p:nvPr/>
        </p:nvSpPr>
        <p:spPr>
          <a:xfrm>
            <a:off x="7362471" y="4643160"/>
            <a:ext cx="256014" cy="256014"/>
          </a:xfrm>
          <a:prstGeom prst="ellipse">
            <a:avLst/>
          </a:prstGeom>
          <a:solidFill>
            <a:srgbClr val="F0E22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34" name="Oval 33">
            <a:extLst>
              <a:ext uri="{FF2B5EF4-FFF2-40B4-BE49-F238E27FC236}">
                <a16:creationId xmlns="" xmlns:a16="http://schemas.microsoft.com/office/drawing/2014/main" id="{2BB6040F-EB4E-4310-BF98-25F47485E087}"/>
              </a:ext>
            </a:extLst>
          </p:cNvPr>
          <p:cNvSpPr/>
          <p:nvPr/>
        </p:nvSpPr>
        <p:spPr>
          <a:xfrm>
            <a:off x="6711192" y="4643160"/>
            <a:ext cx="256014" cy="256014"/>
          </a:xfrm>
          <a:prstGeom prst="ellipse">
            <a:avLst/>
          </a:prstGeom>
          <a:solidFill>
            <a:srgbClr val="F0E22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="" xmlns:a16="http://schemas.microsoft.com/office/drawing/2014/main" id="{CBAEC703-69EC-45A2-BB54-7EAC7D4E5E9C}"/>
              </a:ext>
            </a:extLst>
          </p:cNvPr>
          <p:cNvSpPr/>
          <p:nvPr/>
        </p:nvSpPr>
        <p:spPr>
          <a:xfrm>
            <a:off x="6060106" y="4643160"/>
            <a:ext cx="256014" cy="256014"/>
          </a:xfrm>
          <a:prstGeom prst="ellipse">
            <a:avLst/>
          </a:prstGeom>
          <a:solidFill>
            <a:srgbClr val="F0E22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36" name="TextBox 35">
            <a:extLst>
              <a:ext uri="{FF2B5EF4-FFF2-40B4-BE49-F238E27FC236}">
                <a16:creationId xmlns="" xmlns:a16="http://schemas.microsoft.com/office/drawing/2014/main" id="{16EAD50A-0933-4C9C-95E6-08A076B32041}"/>
              </a:ext>
            </a:extLst>
          </p:cNvPr>
          <p:cNvSpPr txBox="1"/>
          <p:nvPr/>
        </p:nvSpPr>
        <p:spPr>
          <a:xfrm>
            <a:off x="6082531" y="4707896"/>
            <a:ext cx="216000" cy="144000"/>
          </a:xfrm>
          <a:prstGeom prst="rect">
            <a:avLst/>
          </a:prstGeom>
          <a:solidFill>
            <a:srgbClr val="F0E22E"/>
          </a:solidFill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1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="" xmlns:a16="http://schemas.microsoft.com/office/drawing/2014/main" id="{1A5CBF37-8585-4DC5-9107-7C048ACE4F6B}"/>
              </a:ext>
            </a:extLst>
          </p:cNvPr>
          <p:cNvSpPr txBox="1"/>
          <p:nvPr/>
        </p:nvSpPr>
        <p:spPr>
          <a:xfrm>
            <a:off x="6729981" y="4707896"/>
            <a:ext cx="216000" cy="144000"/>
          </a:xfrm>
          <a:prstGeom prst="rect">
            <a:avLst/>
          </a:prstGeom>
          <a:solidFill>
            <a:srgbClr val="F0E22E"/>
          </a:solidFill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2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="" xmlns:a16="http://schemas.microsoft.com/office/drawing/2014/main" id="{1B2A0732-77CE-4CCD-9584-C8A3BD068222}"/>
              </a:ext>
            </a:extLst>
          </p:cNvPr>
          <p:cNvSpPr txBox="1"/>
          <p:nvPr/>
        </p:nvSpPr>
        <p:spPr>
          <a:xfrm>
            <a:off x="7377431" y="4707896"/>
            <a:ext cx="216000" cy="144000"/>
          </a:xfrm>
          <a:prstGeom prst="rect">
            <a:avLst/>
          </a:prstGeom>
          <a:solidFill>
            <a:srgbClr val="F0E22E"/>
          </a:solidFill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3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="" xmlns:a16="http://schemas.microsoft.com/office/drawing/2014/main" id="{D56C61BF-4889-44FB-9251-6B314A0F79CE}"/>
              </a:ext>
            </a:extLst>
          </p:cNvPr>
          <p:cNvSpPr txBox="1"/>
          <p:nvPr/>
        </p:nvSpPr>
        <p:spPr>
          <a:xfrm>
            <a:off x="8024881" y="4707896"/>
            <a:ext cx="216000" cy="144000"/>
          </a:xfrm>
          <a:prstGeom prst="rect">
            <a:avLst/>
          </a:prstGeom>
          <a:solidFill>
            <a:srgbClr val="F0E22E"/>
          </a:solidFill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4</a:t>
            </a:r>
          </a:p>
        </p:txBody>
      </p:sp>
      <p:sp>
        <p:nvSpPr>
          <p:cNvPr id="40" name="Oval 39">
            <a:extLst>
              <a:ext uri="{FF2B5EF4-FFF2-40B4-BE49-F238E27FC236}">
                <a16:creationId xmlns="" xmlns:a16="http://schemas.microsoft.com/office/drawing/2014/main" id="{46B7F3B1-E639-4E45-8C09-EEE9623F5744}"/>
              </a:ext>
            </a:extLst>
          </p:cNvPr>
          <p:cNvSpPr/>
          <p:nvPr/>
        </p:nvSpPr>
        <p:spPr>
          <a:xfrm>
            <a:off x="10601852" y="4653320"/>
            <a:ext cx="256014" cy="256014"/>
          </a:xfrm>
          <a:prstGeom prst="ellipse">
            <a:avLst/>
          </a:prstGeom>
          <a:solidFill>
            <a:srgbClr val="FF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41" name="Oval 40">
            <a:extLst>
              <a:ext uri="{FF2B5EF4-FFF2-40B4-BE49-F238E27FC236}">
                <a16:creationId xmlns="" xmlns:a16="http://schemas.microsoft.com/office/drawing/2014/main" id="{22990B42-96AA-4CDA-BEF5-915FC5414678}"/>
              </a:ext>
            </a:extLst>
          </p:cNvPr>
          <p:cNvSpPr/>
          <p:nvPr/>
        </p:nvSpPr>
        <p:spPr>
          <a:xfrm>
            <a:off x="9951273" y="4653320"/>
            <a:ext cx="256014" cy="256014"/>
          </a:xfrm>
          <a:prstGeom prst="ellipse">
            <a:avLst/>
          </a:prstGeom>
          <a:solidFill>
            <a:srgbClr val="FF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42" name="Oval 41">
            <a:extLst>
              <a:ext uri="{FF2B5EF4-FFF2-40B4-BE49-F238E27FC236}">
                <a16:creationId xmlns="" xmlns:a16="http://schemas.microsoft.com/office/drawing/2014/main" id="{0B111BE8-D235-4A79-B144-43953D0D52B3}"/>
              </a:ext>
            </a:extLst>
          </p:cNvPr>
          <p:cNvSpPr/>
          <p:nvPr/>
        </p:nvSpPr>
        <p:spPr>
          <a:xfrm>
            <a:off x="9304028" y="4653320"/>
            <a:ext cx="256014" cy="256014"/>
          </a:xfrm>
          <a:prstGeom prst="ellipse">
            <a:avLst/>
          </a:prstGeom>
          <a:solidFill>
            <a:srgbClr val="FF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43" name="Oval 42">
            <a:extLst>
              <a:ext uri="{FF2B5EF4-FFF2-40B4-BE49-F238E27FC236}">
                <a16:creationId xmlns="" xmlns:a16="http://schemas.microsoft.com/office/drawing/2014/main" id="{04E8807B-9D7A-452A-B3FB-3E2BE3E94F86}"/>
              </a:ext>
            </a:extLst>
          </p:cNvPr>
          <p:cNvSpPr/>
          <p:nvPr/>
        </p:nvSpPr>
        <p:spPr>
          <a:xfrm>
            <a:off x="8650984" y="4653320"/>
            <a:ext cx="256014" cy="256014"/>
          </a:xfrm>
          <a:prstGeom prst="ellipse">
            <a:avLst/>
          </a:prstGeom>
          <a:solidFill>
            <a:srgbClr val="FF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44" name="TextBox 43">
            <a:extLst>
              <a:ext uri="{FF2B5EF4-FFF2-40B4-BE49-F238E27FC236}">
                <a16:creationId xmlns="" xmlns:a16="http://schemas.microsoft.com/office/drawing/2014/main" id="{611F0B67-8314-4DF8-99E7-108753641C77}"/>
              </a:ext>
            </a:extLst>
          </p:cNvPr>
          <p:cNvSpPr txBox="1"/>
          <p:nvPr/>
        </p:nvSpPr>
        <p:spPr>
          <a:xfrm>
            <a:off x="8672331" y="4718056"/>
            <a:ext cx="216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1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="" xmlns:a16="http://schemas.microsoft.com/office/drawing/2014/main" id="{BAA83CD7-1992-4845-9916-79B3A6737423}"/>
              </a:ext>
            </a:extLst>
          </p:cNvPr>
          <p:cNvSpPr txBox="1"/>
          <p:nvPr/>
        </p:nvSpPr>
        <p:spPr>
          <a:xfrm>
            <a:off x="9319781" y="4718056"/>
            <a:ext cx="216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2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="" xmlns:a16="http://schemas.microsoft.com/office/drawing/2014/main" id="{2F2B6738-A856-4DBF-B465-BC5964B0D7BC}"/>
              </a:ext>
            </a:extLst>
          </p:cNvPr>
          <p:cNvSpPr txBox="1"/>
          <p:nvPr/>
        </p:nvSpPr>
        <p:spPr>
          <a:xfrm>
            <a:off x="9967231" y="4718056"/>
            <a:ext cx="216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3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="" xmlns:a16="http://schemas.microsoft.com/office/drawing/2014/main" id="{C941D233-C1E8-47A4-83C7-CEDB158017C3}"/>
              </a:ext>
            </a:extLst>
          </p:cNvPr>
          <p:cNvSpPr txBox="1"/>
          <p:nvPr/>
        </p:nvSpPr>
        <p:spPr>
          <a:xfrm>
            <a:off x="10614681" y="4718056"/>
            <a:ext cx="216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dirty="0">
                <a:solidFill>
                  <a:schemeClr val="bg1"/>
                </a:solidFill>
              </a:rPr>
              <a:t>Q4</a:t>
            </a:r>
          </a:p>
        </p:txBody>
      </p:sp>
      <p:sp>
        <p:nvSpPr>
          <p:cNvPr id="48" name="Pentagon 273"/>
          <p:cNvSpPr/>
          <p:nvPr/>
        </p:nvSpPr>
        <p:spPr>
          <a:xfrm flipH="1">
            <a:off x="1150976" y="3378171"/>
            <a:ext cx="531997" cy="353846"/>
          </a:xfrm>
          <a:custGeom>
            <a:avLst/>
            <a:gdLst>
              <a:gd name="connsiteX0" fmla="*/ 0 w 1032541"/>
              <a:gd name="connsiteY0" fmla="*/ 0 h 688235"/>
              <a:gd name="connsiteX1" fmla="*/ 688424 w 1032541"/>
              <a:gd name="connsiteY1" fmla="*/ 0 h 688235"/>
              <a:gd name="connsiteX2" fmla="*/ 1032541 w 1032541"/>
              <a:gd name="connsiteY2" fmla="*/ 344118 h 688235"/>
              <a:gd name="connsiteX3" fmla="*/ 688424 w 1032541"/>
              <a:gd name="connsiteY3" fmla="*/ 688235 h 688235"/>
              <a:gd name="connsiteX4" fmla="*/ 0 w 1032541"/>
              <a:gd name="connsiteY4" fmla="*/ 688235 h 688235"/>
              <a:gd name="connsiteX5" fmla="*/ 0 w 1032541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486441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537241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577235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457899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88424" h="688235">
                <a:moveTo>
                  <a:pt x="0" y="0"/>
                </a:moveTo>
                <a:lnTo>
                  <a:pt x="688424" y="0"/>
                </a:lnTo>
                <a:lnTo>
                  <a:pt x="457899" y="344118"/>
                </a:lnTo>
                <a:lnTo>
                  <a:pt x="688424" y="688235"/>
                </a:lnTo>
                <a:lnTo>
                  <a:pt x="0" y="688235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fr-BE" sz="1400" dirty="0" smtClean="0"/>
              <a:t>1</a:t>
            </a:r>
            <a:endParaRPr lang="fr-BE" sz="1400" dirty="0"/>
          </a:p>
        </p:txBody>
      </p:sp>
      <p:grpSp>
        <p:nvGrpSpPr>
          <p:cNvPr id="49" name="Group 48"/>
          <p:cNvGrpSpPr/>
          <p:nvPr/>
        </p:nvGrpSpPr>
        <p:grpSpPr>
          <a:xfrm>
            <a:off x="1819571" y="3339598"/>
            <a:ext cx="1524445" cy="746415"/>
            <a:chOff x="1443690" y="1981312"/>
            <a:chExt cx="2034521" cy="746415"/>
          </a:xfrm>
        </p:grpSpPr>
        <p:sp>
          <p:nvSpPr>
            <p:cNvPr id="50" name="TextBox 49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5B9BD5"/>
                  </a:solidFill>
                </a:rPr>
                <a:t>Milestone</a:t>
              </a:r>
            </a:p>
          </p:txBody>
        </p:sp>
        <p:sp>
          <p:nvSpPr>
            <p:cNvPr id="51" name="TextBox 50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52" name="TextBox 51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sp>
        <p:nvSpPr>
          <p:cNvPr id="53" name="Pentagon 273"/>
          <p:cNvSpPr/>
          <p:nvPr/>
        </p:nvSpPr>
        <p:spPr>
          <a:xfrm flipH="1">
            <a:off x="3740978" y="2944921"/>
            <a:ext cx="531997" cy="353846"/>
          </a:xfrm>
          <a:custGeom>
            <a:avLst/>
            <a:gdLst>
              <a:gd name="connsiteX0" fmla="*/ 0 w 1032541"/>
              <a:gd name="connsiteY0" fmla="*/ 0 h 688235"/>
              <a:gd name="connsiteX1" fmla="*/ 688424 w 1032541"/>
              <a:gd name="connsiteY1" fmla="*/ 0 h 688235"/>
              <a:gd name="connsiteX2" fmla="*/ 1032541 w 1032541"/>
              <a:gd name="connsiteY2" fmla="*/ 344118 h 688235"/>
              <a:gd name="connsiteX3" fmla="*/ 688424 w 1032541"/>
              <a:gd name="connsiteY3" fmla="*/ 688235 h 688235"/>
              <a:gd name="connsiteX4" fmla="*/ 0 w 1032541"/>
              <a:gd name="connsiteY4" fmla="*/ 688235 h 688235"/>
              <a:gd name="connsiteX5" fmla="*/ 0 w 1032541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486441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537241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577235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457899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88424" h="688235">
                <a:moveTo>
                  <a:pt x="0" y="0"/>
                </a:moveTo>
                <a:lnTo>
                  <a:pt x="688424" y="0"/>
                </a:lnTo>
                <a:lnTo>
                  <a:pt x="457899" y="344118"/>
                </a:lnTo>
                <a:lnTo>
                  <a:pt x="688424" y="688235"/>
                </a:lnTo>
                <a:lnTo>
                  <a:pt x="0" y="688235"/>
                </a:lnTo>
                <a:lnTo>
                  <a:pt x="0" y="0"/>
                </a:lnTo>
                <a:close/>
              </a:path>
            </a:pathLst>
          </a:custGeom>
          <a:solidFill>
            <a:srgbClr val="0CE25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fr-BE" sz="1400" dirty="0" smtClean="0"/>
              <a:t>2</a:t>
            </a:r>
            <a:endParaRPr lang="fr-BE" sz="1400" dirty="0"/>
          </a:p>
        </p:txBody>
      </p:sp>
      <p:grpSp>
        <p:nvGrpSpPr>
          <p:cNvPr id="54" name="Group 53"/>
          <p:cNvGrpSpPr/>
          <p:nvPr/>
        </p:nvGrpSpPr>
        <p:grpSpPr>
          <a:xfrm>
            <a:off x="4426465" y="2917985"/>
            <a:ext cx="1633641" cy="746415"/>
            <a:chOff x="1443690" y="1981312"/>
            <a:chExt cx="2034521" cy="746415"/>
          </a:xfrm>
        </p:grpSpPr>
        <p:sp>
          <p:nvSpPr>
            <p:cNvPr id="55" name="TextBox 54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0CE25E"/>
                  </a:solidFill>
                </a:rPr>
                <a:t>Milestone</a:t>
              </a:r>
            </a:p>
          </p:txBody>
        </p:sp>
        <p:sp>
          <p:nvSpPr>
            <p:cNvPr id="56" name="TextBox 55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57" name="TextBox 56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sp>
        <p:nvSpPr>
          <p:cNvPr id="58" name="Pentagon 273"/>
          <p:cNvSpPr/>
          <p:nvPr/>
        </p:nvSpPr>
        <p:spPr>
          <a:xfrm flipH="1">
            <a:off x="5675652" y="2346614"/>
            <a:ext cx="531997" cy="353846"/>
          </a:xfrm>
          <a:custGeom>
            <a:avLst/>
            <a:gdLst>
              <a:gd name="connsiteX0" fmla="*/ 0 w 1032541"/>
              <a:gd name="connsiteY0" fmla="*/ 0 h 688235"/>
              <a:gd name="connsiteX1" fmla="*/ 688424 w 1032541"/>
              <a:gd name="connsiteY1" fmla="*/ 0 h 688235"/>
              <a:gd name="connsiteX2" fmla="*/ 1032541 w 1032541"/>
              <a:gd name="connsiteY2" fmla="*/ 344118 h 688235"/>
              <a:gd name="connsiteX3" fmla="*/ 688424 w 1032541"/>
              <a:gd name="connsiteY3" fmla="*/ 688235 h 688235"/>
              <a:gd name="connsiteX4" fmla="*/ 0 w 1032541"/>
              <a:gd name="connsiteY4" fmla="*/ 688235 h 688235"/>
              <a:gd name="connsiteX5" fmla="*/ 0 w 1032541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486441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537241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577235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457899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88424" h="688235">
                <a:moveTo>
                  <a:pt x="0" y="0"/>
                </a:moveTo>
                <a:lnTo>
                  <a:pt x="688424" y="0"/>
                </a:lnTo>
                <a:lnTo>
                  <a:pt x="457899" y="344118"/>
                </a:lnTo>
                <a:lnTo>
                  <a:pt x="688424" y="688235"/>
                </a:lnTo>
                <a:lnTo>
                  <a:pt x="0" y="688235"/>
                </a:lnTo>
                <a:lnTo>
                  <a:pt x="0" y="0"/>
                </a:lnTo>
                <a:close/>
              </a:path>
            </a:pathLst>
          </a:custGeom>
          <a:solidFill>
            <a:srgbClr val="F0E22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fr-BE" sz="1400" dirty="0" smtClean="0"/>
              <a:t>3</a:t>
            </a:r>
            <a:endParaRPr lang="fr-BE" sz="1400" dirty="0"/>
          </a:p>
        </p:txBody>
      </p:sp>
      <p:grpSp>
        <p:nvGrpSpPr>
          <p:cNvPr id="59" name="Group 58"/>
          <p:cNvGrpSpPr/>
          <p:nvPr/>
        </p:nvGrpSpPr>
        <p:grpSpPr>
          <a:xfrm>
            <a:off x="6329984" y="2284346"/>
            <a:ext cx="1612491" cy="746415"/>
            <a:chOff x="1443690" y="1981312"/>
            <a:chExt cx="2034521" cy="746415"/>
          </a:xfrm>
        </p:grpSpPr>
        <p:sp>
          <p:nvSpPr>
            <p:cNvPr id="60" name="TextBox 59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F0E22E"/>
                  </a:solidFill>
                </a:rPr>
                <a:t>Milestone</a:t>
              </a:r>
            </a:p>
          </p:txBody>
        </p:sp>
        <p:sp>
          <p:nvSpPr>
            <p:cNvPr id="61" name="TextBox 60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62" name="TextBox 61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sp>
        <p:nvSpPr>
          <p:cNvPr id="63" name="Pentagon 273"/>
          <p:cNvSpPr/>
          <p:nvPr/>
        </p:nvSpPr>
        <p:spPr>
          <a:xfrm flipH="1">
            <a:off x="8252666" y="1517489"/>
            <a:ext cx="531997" cy="353846"/>
          </a:xfrm>
          <a:custGeom>
            <a:avLst/>
            <a:gdLst>
              <a:gd name="connsiteX0" fmla="*/ 0 w 1032541"/>
              <a:gd name="connsiteY0" fmla="*/ 0 h 688235"/>
              <a:gd name="connsiteX1" fmla="*/ 688424 w 1032541"/>
              <a:gd name="connsiteY1" fmla="*/ 0 h 688235"/>
              <a:gd name="connsiteX2" fmla="*/ 1032541 w 1032541"/>
              <a:gd name="connsiteY2" fmla="*/ 344118 h 688235"/>
              <a:gd name="connsiteX3" fmla="*/ 688424 w 1032541"/>
              <a:gd name="connsiteY3" fmla="*/ 688235 h 688235"/>
              <a:gd name="connsiteX4" fmla="*/ 0 w 1032541"/>
              <a:gd name="connsiteY4" fmla="*/ 688235 h 688235"/>
              <a:gd name="connsiteX5" fmla="*/ 0 w 1032541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486441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537241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577235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  <a:gd name="connsiteX0" fmla="*/ 0 w 688424"/>
              <a:gd name="connsiteY0" fmla="*/ 0 h 688235"/>
              <a:gd name="connsiteX1" fmla="*/ 688424 w 688424"/>
              <a:gd name="connsiteY1" fmla="*/ 0 h 688235"/>
              <a:gd name="connsiteX2" fmla="*/ 457899 w 688424"/>
              <a:gd name="connsiteY2" fmla="*/ 344118 h 688235"/>
              <a:gd name="connsiteX3" fmla="*/ 688424 w 688424"/>
              <a:gd name="connsiteY3" fmla="*/ 688235 h 688235"/>
              <a:gd name="connsiteX4" fmla="*/ 0 w 688424"/>
              <a:gd name="connsiteY4" fmla="*/ 688235 h 688235"/>
              <a:gd name="connsiteX5" fmla="*/ 0 w 688424"/>
              <a:gd name="connsiteY5" fmla="*/ 0 h 6882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88424" h="688235">
                <a:moveTo>
                  <a:pt x="0" y="0"/>
                </a:moveTo>
                <a:lnTo>
                  <a:pt x="688424" y="0"/>
                </a:lnTo>
                <a:lnTo>
                  <a:pt x="457899" y="344118"/>
                </a:lnTo>
                <a:lnTo>
                  <a:pt x="688424" y="688235"/>
                </a:lnTo>
                <a:lnTo>
                  <a:pt x="0" y="688235"/>
                </a:lnTo>
                <a:lnTo>
                  <a:pt x="0" y="0"/>
                </a:lnTo>
                <a:close/>
              </a:path>
            </a:pathLst>
          </a:custGeom>
          <a:solidFill>
            <a:srgbClr val="FF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fr-BE" sz="1400" dirty="0" smtClean="0"/>
              <a:t>4</a:t>
            </a:r>
            <a:endParaRPr lang="fr-BE" sz="1400" dirty="0"/>
          </a:p>
        </p:txBody>
      </p:sp>
      <p:grpSp>
        <p:nvGrpSpPr>
          <p:cNvPr id="64" name="Group 63"/>
          <p:cNvGrpSpPr/>
          <p:nvPr/>
        </p:nvGrpSpPr>
        <p:grpSpPr>
          <a:xfrm>
            <a:off x="8906998" y="1480621"/>
            <a:ext cx="1612491" cy="746415"/>
            <a:chOff x="1443690" y="1981312"/>
            <a:chExt cx="2034521" cy="746415"/>
          </a:xfrm>
        </p:grpSpPr>
        <p:sp>
          <p:nvSpPr>
            <p:cNvPr id="65" name="TextBox 64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FF6699"/>
                  </a:solidFill>
                </a:rPr>
                <a:t>Milestone</a:t>
              </a:r>
            </a:p>
          </p:txBody>
        </p:sp>
        <p:sp>
          <p:nvSpPr>
            <p:cNvPr id="66" name="TextBox 65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67" name="TextBox 66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251430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="" xmlns:a16="http://schemas.microsoft.com/office/drawing/2014/main" id="{2BD778E6-D334-4389-B4C0-6C793B6E1E82}"/>
              </a:ext>
            </a:extLst>
          </p:cNvPr>
          <p:cNvSpPr txBox="1"/>
          <p:nvPr/>
        </p:nvSpPr>
        <p:spPr>
          <a:xfrm>
            <a:off x="855180" y="3271712"/>
            <a:ext cx="569010" cy="23573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/>
            <a:r>
              <a:rPr lang="en-ZA" sz="1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YY</a:t>
            </a:r>
          </a:p>
        </p:txBody>
      </p:sp>
      <p:sp>
        <p:nvSpPr>
          <p:cNvPr id="3" name="Oval 2" title="Milestone Number">
            <a:extLst>
              <a:ext uri="{FF2B5EF4-FFF2-40B4-BE49-F238E27FC236}">
                <a16:creationId xmlns="" xmlns:a16="http://schemas.microsoft.com/office/drawing/2014/main" id="{48C9F9AC-FF55-4E72-9915-ACA228CA757C}"/>
              </a:ext>
            </a:extLst>
          </p:cNvPr>
          <p:cNvSpPr/>
          <p:nvPr/>
        </p:nvSpPr>
        <p:spPr>
          <a:xfrm>
            <a:off x="1567244" y="4730022"/>
            <a:ext cx="407673" cy="407673"/>
          </a:xfrm>
          <a:prstGeom prst="ellipse">
            <a:avLst/>
          </a:prstGeom>
          <a:solidFill>
            <a:srgbClr val="19EB6E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>
            <a:bevelT w="139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ZA" sz="1200" dirty="0">
                <a:solidFill>
                  <a:schemeClr val="bg1"/>
                </a:solidFill>
              </a:rPr>
              <a:t>01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1538557" y="1786485"/>
            <a:ext cx="2028554" cy="746415"/>
            <a:chOff x="1449657" y="1981312"/>
            <a:chExt cx="2028554" cy="746415"/>
          </a:xfrm>
        </p:grpSpPr>
        <p:sp>
          <p:nvSpPr>
            <p:cNvPr id="5" name="TextBox 4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779857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Milestone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7" name="TextBox 6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735165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sp>
        <p:nvSpPr>
          <p:cNvPr id="8" name="Oval 7" title="Milestone Number">
            <a:extLst>
              <a:ext uri="{FF2B5EF4-FFF2-40B4-BE49-F238E27FC236}">
                <a16:creationId xmlns="" xmlns:a16="http://schemas.microsoft.com/office/drawing/2014/main" id="{1A9A1384-BB26-4C08-8F02-CABB6507B872}"/>
              </a:ext>
            </a:extLst>
          </p:cNvPr>
          <p:cNvSpPr/>
          <p:nvPr/>
        </p:nvSpPr>
        <p:spPr>
          <a:xfrm>
            <a:off x="2254426" y="2549176"/>
            <a:ext cx="407673" cy="407673"/>
          </a:xfrm>
          <a:prstGeom prst="ellipse">
            <a:avLst/>
          </a:prstGeom>
          <a:solidFill>
            <a:srgbClr val="19EB6E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>
            <a:bevelT w="139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ZA" sz="1200" dirty="0">
                <a:solidFill>
                  <a:schemeClr val="bg1"/>
                </a:solidFill>
              </a:rPr>
              <a:t>02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="" xmlns:a16="http://schemas.microsoft.com/office/drawing/2014/main" id="{9E24B3E5-9E8A-4B3A-ADB6-4481250B3F2A}"/>
              </a:ext>
            </a:extLst>
          </p:cNvPr>
          <p:cNvSpPr txBox="1"/>
          <p:nvPr/>
        </p:nvSpPr>
        <p:spPr>
          <a:xfrm>
            <a:off x="3446076" y="3273900"/>
            <a:ext cx="569010" cy="23573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/>
            <a:r>
              <a:rPr lang="en-ZA" sz="1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YY</a:t>
            </a:r>
          </a:p>
        </p:txBody>
      </p:sp>
      <p:sp>
        <p:nvSpPr>
          <p:cNvPr id="10" name="Oval 9" title="Milestone Number">
            <a:extLst>
              <a:ext uri="{FF2B5EF4-FFF2-40B4-BE49-F238E27FC236}">
                <a16:creationId xmlns="" xmlns:a16="http://schemas.microsoft.com/office/drawing/2014/main" id="{F22CCCBA-CDC5-467B-9BDA-06FB3DB21606}"/>
              </a:ext>
            </a:extLst>
          </p:cNvPr>
          <p:cNvSpPr/>
          <p:nvPr/>
        </p:nvSpPr>
        <p:spPr>
          <a:xfrm>
            <a:off x="4805149" y="4730022"/>
            <a:ext cx="407673" cy="407673"/>
          </a:xfrm>
          <a:prstGeom prst="ellipse">
            <a:avLst/>
          </a:prstGeom>
          <a:solidFill>
            <a:srgbClr val="F3E747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>
            <a:bevelT w="139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ZA" sz="1200" dirty="0">
                <a:solidFill>
                  <a:schemeClr val="bg1"/>
                </a:solidFill>
              </a:rPr>
              <a:t>03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="" xmlns:a16="http://schemas.microsoft.com/office/drawing/2014/main" id="{3984115C-22F4-41EB-BF04-E71D3503F2B5}"/>
              </a:ext>
            </a:extLst>
          </p:cNvPr>
          <p:cNvSpPr txBox="1"/>
          <p:nvPr/>
        </p:nvSpPr>
        <p:spPr>
          <a:xfrm>
            <a:off x="6026610" y="3264734"/>
            <a:ext cx="569010" cy="23573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/>
            <a:r>
              <a:rPr lang="en-ZA" sz="1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YY</a:t>
            </a:r>
          </a:p>
        </p:txBody>
      </p:sp>
      <p:sp>
        <p:nvSpPr>
          <p:cNvPr id="12" name="Oval 11" title="Milestone Number">
            <a:extLst>
              <a:ext uri="{FF2B5EF4-FFF2-40B4-BE49-F238E27FC236}">
                <a16:creationId xmlns="" xmlns:a16="http://schemas.microsoft.com/office/drawing/2014/main" id="{57FD3253-8DFB-461E-96B1-F96558E6CA00}"/>
              </a:ext>
            </a:extLst>
          </p:cNvPr>
          <p:cNvSpPr/>
          <p:nvPr/>
        </p:nvSpPr>
        <p:spPr>
          <a:xfrm>
            <a:off x="6745401" y="2549176"/>
            <a:ext cx="407673" cy="407673"/>
          </a:xfrm>
          <a:prstGeom prst="ellipse">
            <a:avLst/>
          </a:prstGeom>
          <a:solidFill>
            <a:srgbClr val="8497B0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>
            <a:bevelT w="139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ZA" sz="1200" dirty="0" smtClean="0">
                <a:solidFill>
                  <a:schemeClr val="bg1"/>
                </a:solidFill>
              </a:rPr>
              <a:t>04</a:t>
            </a:r>
            <a:endParaRPr lang="en-ZA" sz="1200" dirty="0">
              <a:solidFill>
                <a:schemeClr val="bg1"/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="" xmlns:a16="http://schemas.microsoft.com/office/drawing/2014/main" id="{384B4D5E-DF22-4556-9F7B-E0627361D734}"/>
              </a:ext>
            </a:extLst>
          </p:cNvPr>
          <p:cNvSpPr txBox="1"/>
          <p:nvPr/>
        </p:nvSpPr>
        <p:spPr>
          <a:xfrm>
            <a:off x="8616178" y="3264734"/>
            <a:ext cx="569010" cy="23573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/>
            <a:r>
              <a:rPr lang="en-ZA" sz="1200" b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YY</a:t>
            </a:r>
          </a:p>
        </p:txBody>
      </p:sp>
      <p:sp>
        <p:nvSpPr>
          <p:cNvPr id="14" name="Oval 13" title="Milestone Number">
            <a:extLst>
              <a:ext uri="{FF2B5EF4-FFF2-40B4-BE49-F238E27FC236}">
                <a16:creationId xmlns="" xmlns:a16="http://schemas.microsoft.com/office/drawing/2014/main" id="{FBC221C4-3F0A-406D-B23A-B58B1480E387}"/>
              </a:ext>
            </a:extLst>
          </p:cNvPr>
          <p:cNvSpPr/>
          <p:nvPr/>
        </p:nvSpPr>
        <p:spPr>
          <a:xfrm>
            <a:off x="8066951" y="4730022"/>
            <a:ext cx="407673" cy="407673"/>
          </a:xfrm>
          <a:prstGeom prst="ellipse">
            <a:avLst/>
          </a:prstGeom>
          <a:solidFill>
            <a:srgbClr val="8497B0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>
            <a:bevelT w="139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ZA" sz="1200" dirty="0" smtClean="0">
                <a:solidFill>
                  <a:schemeClr val="bg1"/>
                </a:solidFill>
              </a:rPr>
              <a:t>05</a:t>
            </a:r>
            <a:endParaRPr lang="en-ZA" sz="1200" dirty="0">
              <a:solidFill>
                <a:schemeClr val="bg1"/>
              </a:solidFill>
            </a:endParaRPr>
          </a:p>
        </p:txBody>
      </p:sp>
      <p:cxnSp>
        <p:nvCxnSpPr>
          <p:cNvPr id="15" name="Straight Connector 14" title="Q lines">
            <a:extLst>
              <a:ext uri="{FF2B5EF4-FFF2-40B4-BE49-F238E27FC236}">
                <a16:creationId xmlns="" xmlns:a16="http://schemas.microsoft.com/office/drawing/2014/main" id="{DADF55DC-8614-46C4-AC8D-C017E79DF82C}"/>
              </a:ext>
            </a:extLst>
          </p:cNvPr>
          <p:cNvCxnSpPr>
            <a:cxnSpLocks/>
          </p:cNvCxnSpPr>
          <p:nvPr/>
        </p:nvCxnSpPr>
        <p:spPr>
          <a:xfrm>
            <a:off x="10849257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 title="Q lines">
            <a:extLst>
              <a:ext uri="{FF2B5EF4-FFF2-40B4-BE49-F238E27FC236}">
                <a16:creationId xmlns="" xmlns:a16="http://schemas.microsoft.com/office/drawing/2014/main" id="{1CC2C11B-DCA8-4886-9E58-AA89E8AF76AE}"/>
              </a:ext>
            </a:extLst>
          </p:cNvPr>
          <p:cNvCxnSpPr>
            <a:cxnSpLocks/>
          </p:cNvCxnSpPr>
          <p:nvPr/>
        </p:nvCxnSpPr>
        <p:spPr>
          <a:xfrm>
            <a:off x="9544702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 title="Q lines">
            <a:extLst>
              <a:ext uri="{FF2B5EF4-FFF2-40B4-BE49-F238E27FC236}">
                <a16:creationId xmlns="" xmlns:a16="http://schemas.microsoft.com/office/drawing/2014/main" id="{36A1E96A-0A5C-4A53-B4EC-B6FD837F5F75}"/>
              </a:ext>
            </a:extLst>
          </p:cNvPr>
          <p:cNvCxnSpPr>
            <a:cxnSpLocks/>
          </p:cNvCxnSpPr>
          <p:nvPr/>
        </p:nvCxnSpPr>
        <p:spPr>
          <a:xfrm>
            <a:off x="8899680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 title="Q lines">
            <a:extLst>
              <a:ext uri="{FF2B5EF4-FFF2-40B4-BE49-F238E27FC236}">
                <a16:creationId xmlns="" xmlns:a16="http://schemas.microsoft.com/office/drawing/2014/main" id="{41B307BB-3402-4094-9F33-C7024257652B}"/>
              </a:ext>
            </a:extLst>
          </p:cNvPr>
          <p:cNvCxnSpPr>
            <a:cxnSpLocks/>
          </p:cNvCxnSpPr>
          <p:nvPr/>
        </p:nvCxnSpPr>
        <p:spPr>
          <a:xfrm>
            <a:off x="6953990" y="2942079"/>
            <a:ext cx="0" cy="720000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 title="Q lines">
            <a:extLst>
              <a:ext uri="{FF2B5EF4-FFF2-40B4-BE49-F238E27FC236}">
                <a16:creationId xmlns="" xmlns:a16="http://schemas.microsoft.com/office/drawing/2014/main" id="{521F9259-091E-4E50-AC57-3FA326D587DF}"/>
              </a:ext>
            </a:extLst>
          </p:cNvPr>
          <p:cNvCxnSpPr>
            <a:cxnSpLocks/>
          </p:cNvCxnSpPr>
          <p:nvPr/>
        </p:nvCxnSpPr>
        <p:spPr>
          <a:xfrm>
            <a:off x="6310112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 title="Q lines">
            <a:extLst>
              <a:ext uri="{FF2B5EF4-FFF2-40B4-BE49-F238E27FC236}">
                <a16:creationId xmlns="" xmlns:a16="http://schemas.microsoft.com/office/drawing/2014/main" id="{F54047B2-9C08-4A8C-A924-AA676C29FB41}"/>
              </a:ext>
            </a:extLst>
          </p:cNvPr>
          <p:cNvCxnSpPr>
            <a:cxnSpLocks/>
          </p:cNvCxnSpPr>
          <p:nvPr/>
        </p:nvCxnSpPr>
        <p:spPr>
          <a:xfrm>
            <a:off x="8269700" y="4001927"/>
            <a:ext cx="0" cy="720000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 title="Q lines">
            <a:extLst>
              <a:ext uri="{FF2B5EF4-FFF2-40B4-BE49-F238E27FC236}">
                <a16:creationId xmlns="" xmlns:a16="http://schemas.microsoft.com/office/drawing/2014/main" id="{1B503BE8-868F-4660-8AFA-BE353AB48B68}"/>
              </a:ext>
            </a:extLst>
          </p:cNvPr>
          <p:cNvCxnSpPr>
            <a:cxnSpLocks/>
          </p:cNvCxnSpPr>
          <p:nvPr/>
        </p:nvCxnSpPr>
        <p:spPr>
          <a:xfrm>
            <a:off x="8252288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 title="Q lines">
            <a:extLst>
              <a:ext uri="{FF2B5EF4-FFF2-40B4-BE49-F238E27FC236}">
                <a16:creationId xmlns="" xmlns:a16="http://schemas.microsoft.com/office/drawing/2014/main" id="{AF8B8BAA-B7B7-419D-B159-3760CB7AE576}"/>
              </a:ext>
            </a:extLst>
          </p:cNvPr>
          <p:cNvCxnSpPr>
            <a:cxnSpLocks/>
          </p:cNvCxnSpPr>
          <p:nvPr/>
        </p:nvCxnSpPr>
        <p:spPr>
          <a:xfrm>
            <a:off x="3720543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 title="Q lines">
            <a:extLst>
              <a:ext uri="{FF2B5EF4-FFF2-40B4-BE49-F238E27FC236}">
                <a16:creationId xmlns="" xmlns:a16="http://schemas.microsoft.com/office/drawing/2014/main" id="{8CEE23F6-603B-4DB5-A968-8F086AA2AF53}"/>
              </a:ext>
            </a:extLst>
          </p:cNvPr>
          <p:cNvCxnSpPr>
            <a:cxnSpLocks/>
          </p:cNvCxnSpPr>
          <p:nvPr/>
        </p:nvCxnSpPr>
        <p:spPr>
          <a:xfrm>
            <a:off x="4367935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 title="Q lines">
            <a:extLst>
              <a:ext uri="{FF2B5EF4-FFF2-40B4-BE49-F238E27FC236}">
                <a16:creationId xmlns="" xmlns:a16="http://schemas.microsoft.com/office/drawing/2014/main" id="{B0EC7A32-A13D-40FD-8FCB-9A2616556D19}"/>
              </a:ext>
            </a:extLst>
          </p:cNvPr>
          <p:cNvCxnSpPr>
            <a:cxnSpLocks/>
          </p:cNvCxnSpPr>
          <p:nvPr/>
        </p:nvCxnSpPr>
        <p:spPr>
          <a:xfrm>
            <a:off x="5015327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 title="Q lines">
            <a:extLst>
              <a:ext uri="{FF2B5EF4-FFF2-40B4-BE49-F238E27FC236}">
                <a16:creationId xmlns="" xmlns:a16="http://schemas.microsoft.com/office/drawing/2014/main" id="{662638A0-3098-431F-BE5E-612EF4623E02}"/>
              </a:ext>
            </a:extLst>
          </p:cNvPr>
          <p:cNvCxnSpPr>
            <a:cxnSpLocks/>
          </p:cNvCxnSpPr>
          <p:nvPr/>
        </p:nvCxnSpPr>
        <p:spPr>
          <a:xfrm>
            <a:off x="5662719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 title="Q lines">
            <a:extLst>
              <a:ext uri="{FF2B5EF4-FFF2-40B4-BE49-F238E27FC236}">
                <a16:creationId xmlns="" xmlns:a16="http://schemas.microsoft.com/office/drawing/2014/main" id="{75F70EA1-B891-4307-896D-A45153BF8E82}"/>
              </a:ext>
            </a:extLst>
          </p:cNvPr>
          <p:cNvCxnSpPr>
            <a:cxnSpLocks/>
          </p:cNvCxnSpPr>
          <p:nvPr/>
        </p:nvCxnSpPr>
        <p:spPr>
          <a:xfrm>
            <a:off x="1766809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 title="Q lines">
            <a:extLst>
              <a:ext uri="{FF2B5EF4-FFF2-40B4-BE49-F238E27FC236}">
                <a16:creationId xmlns="" xmlns:a16="http://schemas.microsoft.com/office/drawing/2014/main" id="{6190EE01-B30F-4CAC-8C6A-FD17EDED6E01}"/>
              </a:ext>
            </a:extLst>
          </p:cNvPr>
          <p:cNvCxnSpPr>
            <a:cxnSpLocks/>
          </p:cNvCxnSpPr>
          <p:nvPr/>
        </p:nvCxnSpPr>
        <p:spPr>
          <a:xfrm>
            <a:off x="1130975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 title="Q lines">
            <a:extLst>
              <a:ext uri="{FF2B5EF4-FFF2-40B4-BE49-F238E27FC236}">
                <a16:creationId xmlns="" xmlns:a16="http://schemas.microsoft.com/office/drawing/2014/main" id="{095D6F0B-DF34-40DB-AB6A-1DF127E26984}"/>
              </a:ext>
            </a:extLst>
          </p:cNvPr>
          <p:cNvCxnSpPr>
            <a:cxnSpLocks/>
          </p:cNvCxnSpPr>
          <p:nvPr/>
        </p:nvCxnSpPr>
        <p:spPr>
          <a:xfrm flipH="1">
            <a:off x="2425759" y="2942079"/>
            <a:ext cx="0" cy="720000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 title="Q lines">
            <a:extLst>
              <a:ext uri="{FF2B5EF4-FFF2-40B4-BE49-F238E27FC236}">
                <a16:creationId xmlns="" xmlns:a16="http://schemas.microsoft.com/office/drawing/2014/main" id="{4B8B0E64-F638-410E-B55B-23FF670F97FA}"/>
              </a:ext>
            </a:extLst>
          </p:cNvPr>
          <p:cNvCxnSpPr>
            <a:cxnSpLocks/>
          </p:cNvCxnSpPr>
          <p:nvPr/>
        </p:nvCxnSpPr>
        <p:spPr>
          <a:xfrm>
            <a:off x="3073151" y="3478276"/>
            <a:ext cx="0" cy="165471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Arrow: Right 132" title="Year Arrow">
            <a:extLst>
              <a:ext uri="{FF2B5EF4-FFF2-40B4-BE49-F238E27FC236}">
                <a16:creationId xmlns="" xmlns:a16="http://schemas.microsoft.com/office/drawing/2014/main" id="{A110A5D9-A956-42CB-B7D5-E146C9C54A57}"/>
              </a:ext>
            </a:extLst>
          </p:cNvPr>
          <p:cNvSpPr/>
          <p:nvPr/>
        </p:nvSpPr>
        <p:spPr>
          <a:xfrm>
            <a:off x="8544852" y="3659808"/>
            <a:ext cx="2937369" cy="355256"/>
          </a:xfrm>
          <a:prstGeom prst="rightArrow">
            <a:avLst>
              <a:gd name="adj1" fmla="val 100000"/>
              <a:gd name="adj2" fmla="val 50000"/>
            </a:avLst>
          </a:prstGeom>
          <a:solidFill>
            <a:srgbClr val="DD75B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 sz="1100" b="1" dirty="0"/>
          </a:p>
        </p:txBody>
      </p:sp>
      <p:sp>
        <p:nvSpPr>
          <p:cNvPr id="31" name="Oval 30" title="Quarter Background Cirlce">
            <a:extLst>
              <a:ext uri="{FF2B5EF4-FFF2-40B4-BE49-F238E27FC236}">
                <a16:creationId xmlns="" xmlns:a16="http://schemas.microsoft.com/office/drawing/2014/main" id="{46B7F3B1-E639-4E45-8C09-EEE9623F5744}"/>
              </a:ext>
            </a:extLst>
          </p:cNvPr>
          <p:cNvSpPr/>
          <p:nvPr/>
        </p:nvSpPr>
        <p:spPr>
          <a:xfrm>
            <a:off x="10746002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32" name="Oval 31" title="Quarter Background Cirlce">
            <a:extLst>
              <a:ext uri="{FF2B5EF4-FFF2-40B4-BE49-F238E27FC236}">
                <a16:creationId xmlns="" xmlns:a16="http://schemas.microsoft.com/office/drawing/2014/main" id="{22990B42-96AA-4CDA-BEF5-915FC5414678}"/>
              </a:ext>
            </a:extLst>
          </p:cNvPr>
          <p:cNvSpPr/>
          <p:nvPr/>
        </p:nvSpPr>
        <p:spPr>
          <a:xfrm>
            <a:off x="10095423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33" name="Oval 32" title="Quarter Background Cirlce">
            <a:extLst>
              <a:ext uri="{FF2B5EF4-FFF2-40B4-BE49-F238E27FC236}">
                <a16:creationId xmlns="" xmlns:a16="http://schemas.microsoft.com/office/drawing/2014/main" id="{0B111BE8-D235-4A79-B144-43953D0D52B3}"/>
              </a:ext>
            </a:extLst>
          </p:cNvPr>
          <p:cNvSpPr/>
          <p:nvPr/>
        </p:nvSpPr>
        <p:spPr>
          <a:xfrm>
            <a:off x="9448178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34" name="Oval 33" title="Quarter Background Cirlce">
            <a:extLst>
              <a:ext uri="{FF2B5EF4-FFF2-40B4-BE49-F238E27FC236}">
                <a16:creationId xmlns="" xmlns:a16="http://schemas.microsoft.com/office/drawing/2014/main" id="{04E8807B-9D7A-452A-B3FB-3E2BE3E94F86}"/>
              </a:ext>
            </a:extLst>
          </p:cNvPr>
          <p:cNvSpPr/>
          <p:nvPr/>
        </p:nvSpPr>
        <p:spPr>
          <a:xfrm>
            <a:off x="8795134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35" name="TextBox 34" title="Quarter Number">
            <a:extLst>
              <a:ext uri="{FF2B5EF4-FFF2-40B4-BE49-F238E27FC236}">
                <a16:creationId xmlns="" xmlns:a16="http://schemas.microsoft.com/office/drawing/2014/main" id="{611F0B67-8314-4DF8-99E7-108753641C77}"/>
              </a:ext>
            </a:extLst>
          </p:cNvPr>
          <p:cNvSpPr txBox="1"/>
          <p:nvPr/>
        </p:nvSpPr>
        <p:spPr>
          <a:xfrm>
            <a:off x="8760330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1</a:t>
            </a:r>
            <a:endParaRPr lang="en-ZA" sz="1100" b="1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36" name="TextBox 35" title="Quarter Number">
            <a:extLst>
              <a:ext uri="{FF2B5EF4-FFF2-40B4-BE49-F238E27FC236}">
                <a16:creationId xmlns="" xmlns:a16="http://schemas.microsoft.com/office/drawing/2014/main" id="{BAA83CD7-1992-4845-9916-79B3A6737423}"/>
              </a:ext>
            </a:extLst>
          </p:cNvPr>
          <p:cNvSpPr txBox="1"/>
          <p:nvPr/>
        </p:nvSpPr>
        <p:spPr>
          <a:xfrm>
            <a:off x="9407845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2</a:t>
            </a:r>
          </a:p>
        </p:txBody>
      </p:sp>
      <p:sp>
        <p:nvSpPr>
          <p:cNvPr id="37" name="TextBox 36" title="Quarter Number">
            <a:extLst>
              <a:ext uri="{FF2B5EF4-FFF2-40B4-BE49-F238E27FC236}">
                <a16:creationId xmlns="" xmlns:a16="http://schemas.microsoft.com/office/drawing/2014/main" id="{2F2B6738-A856-4DBF-B465-BC5964B0D7BC}"/>
              </a:ext>
            </a:extLst>
          </p:cNvPr>
          <p:cNvSpPr txBox="1"/>
          <p:nvPr/>
        </p:nvSpPr>
        <p:spPr>
          <a:xfrm>
            <a:off x="10055360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3</a:t>
            </a:r>
          </a:p>
        </p:txBody>
      </p:sp>
      <p:sp>
        <p:nvSpPr>
          <p:cNvPr id="38" name="TextBox 37" title="Quarter Number">
            <a:extLst>
              <a:ext uri="{FF2B5EF4-FFF2-40B4-BE49-F238E27FC236}">
                <a16:creationId xmlns="" xmlns:a16="http://schemas.microsoft.com/office/drawing/2014/main" id="{C941D233-C1E8-47A4-83C7-CEDB158017C3}"/>
              </a:ext>
            </a:extLst>
          </p:cNvPr>
          <p:cNvSpPr txBox="1"/>
          <p:nvPr/>
        </p:nvSpPr>
        <p:spPr>
          <a:xfrm>
            <a:off x="10702876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4</a:t>
            </a:r>
          </a:p>
        </p:txBody>
      </p:sp>
      <p:sp>
        <p:nvSpPr>
          <p:cNvPr id="39" name="Arrow: Right 184" title="Year Arrow">
            <a:extLst>
              <a:ext uri="{FF2B5EF4-FFF2-40B4-BE49-F238E27FC236}">
                <a16:creationId xmlns="" xmlns:a16="http://schemas.microsoft.com/office/drawing/2014/main" id="{A7D364CD-A62A-4E74-A3A3-D45CADD6DED2}"/>
              </a:ext>
            </a:extLst>
          </p:cNvPr>
          <p:cNvSpPr/>
          <p:nvPr/>
        </p:nvSpPr>
        <p:spPr>
          <a:xfrm>
            <a:off x="5950128" y="3659808"/>
            <a:ext cx="2784204" cy="355256"/>
          </a:xfrm>
          <a:prstGeom prst="rightArrow">
            <a:avLst>
              <a:gd name="adj1" fmla="val 100000"/>
              <a:gd name="adj2" fmla="val 50000"/>
            </a:avLst>
          </a:prstGeom>
          <a:solidFill>
            <a:srgbClr val="8497B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 sz="1100" b="1" dirty="0"/>
          </a:p>
        </p:txBody>
      </p:sp>
      <p:sp>
        <p:nvSpPr>
          <p:cNvPr id="40" name="Oval 39" title="Quarter Background Cirlce">
            <a:extLst>
              <a:ext uri="{FF2B5EF4-FFF2-40B4-BE49-F238E27FC236}">
                <a16:creationId xmlns="" xmlns:a16="http://schemas.microsoft.com/office/drawing/2014/main" id="{CD235FFC-6A0E-47AF-AC8F-20677EB444FC}"/>
              </a:ext>
            </a:extLst>
          </p:cNvPr>
          <p:cNvSpPr/>
          <p:nvPr/>
        </p:nvSpPr>
        <p:spPr>
          <a:xfrm>
            <a:off x="8159438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41" name="Oval 40" title="Quarter Background Cirlce">
            <a:extLst>
              <a:ext uri="{FF2B5EF4-FFF2-40B4-BE49-F238E27FC236}">
                <a16:creationId xmlns="" xmlns:a16="http://schemas.microsoft.com/office/drawing/2014/main" id="{D7F66751-5B2A-464C-A0AD-37B9D94CCC55}"/>
              </a:ext>
            </a:extLst>
          </p:cNvPr>
          <p:cNvSpPr/>
          <p:nvPr/>
        </p:nvSpPr>
        <p:spPr>
          <a:xfrm>
            <a:off x="7506621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42" name="Oval 41" title="Quarter Background Cirlce">
            <a:extLst>
              <a:ext uri="{FF2B5EF4-FFF2-40B4-BE49-F238E27FC236}">
                <a16:creationId xmlns="" xmlns:a16="http://schemas.microsoft.com/office/drawing/2014/main" id="{2BB6040F-EB4E-4310-BF98-25F47485E087}"/>
              </a:ext>
            </a:extLst>
          </p:cNvPr>
          <p:cNvSpPr/>
          <p:nvPr/>
        </p:nvSpPr>
        <p:spPr>
          <a:xfrm>
            <a:off x="6855342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43" name="Oval 42" title="Quarter Background Cirlce">
            <a:extLst>
              <a:ext uri="{FF2B5EF4-FFF2-40B4-BE49-F238E27FC236}">
                <a16:creationId xmlns="" xmlns:a16="http://schemas.microsoft.com/office/drawing/2014/main" id="{CBAEC703-69EC-45A2-BB54-7EAC7D4E5E9C}"/>
              </a:ext>
            </a:extLst>
          </p:cNvPr>
          <p:cNvSpPr/>
          <p:nvPr/>
        </p:nvSpPr>
        <p:spPr>
          <a:xfrm>
            <a:off x="6204256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44" name="TextBox 43" title="Quarter Number">
            <a:extLst>
              <a:ext uri="{FF2B5EF4-FFF2-40B4-BE49-F238E27FC236}">
                <a16:creationId xmlns="" xmlns:a16="http://schemas.microsoft.com/office/drawing/2014/main" id="{16EAD50A-0933-4C9C-95E6-08A076B32041}"/>
              </a:ext>
            </a:extLst>
          </p:cNvPr>
          <p:cNvSpPr txBox="1"/>
          <p:nvPr/>
        </p:nvSpPr>
        <p:spPr>
          <a:xfrm>
            <a:off x="6170270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1</a:t>
            </a:r>
            <a:endParaRPr lang="en-ZA" sz="1100" b="1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45" name="TextBox 44" title="Quarter Number">
            <a:extLst>
              <a:ext uri="{FF2B5EF4-FFF2-40B4-BE49-F238E27FC236}">
                <a16:creationId xmlns="" xmlns:a16="http://schemas.microsoft.com/office/drawing/2014/main" id="{1A5CBF37-8585-4DC5-9107-7C048ACE4F6B}"/>
              </a:ext>
            </a:extLst>
          </p:cNvPr>
          <p:cNvSpPr txBox="1"/>
          <p:nvPr/>
        </p:nvSpPr>
        <p:spPr>
          <a:xfrm>
            <a:off x="6817785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2</a:t>
            </a:r>
          </a:p>
        </p:txBody>
      </p:sp>
      <p:sp>
        <p:nvSpPr>
          <p:cNvPr id="46" name="TextBox 45" title="Quarter Number">
            <a:extLst>
              <a:ext uri="{FF2B5EF4-FFF2-40B4-BE49-F238E27FC236}">
                <a16:creationId xmlns="" xmlns:a16="http://schemas.microsoft.com/office/drawing/2014/main" id="{1B2A0732-77CE-4CCD-9584-C8A3BD068222}"/>
              </a:ext>
            </a:extLst>
          </p:cNvPr>
          <p:cNvSpPr txBox="1"/>
          <p:nvPr/>
        </p:nvSpPr>
        <p:spPr>
          <a:xfrm>
            <a:off x="7465300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3</a:t>
            </a:r>
          </a:p>
        </p:txBody>
      </p:sp>
      <p:sp>
        <p:nvSpPr>
          <p:cNvPr id="47" name="TextBox 46" title="Quarter Number">
            <a:extLst>
              <a:ext uri="{FF2B5EF4-FFF2-40B4-BE49-F238E27FC236}">
                <a16:creationId xmlns="" xmlns:a16="http://schemas.microsoft.com/office/drawing/2014/main" id="{D56C61BF-4889-44FB-9251-6B314A0F79CE}"/>
              </a:ext>
            </a:extLst>
          </p:cNvPr>
          <p:cNvSpPr txBox="1"/>
          <p:nvPr/>
        </p:nvSpPr>
        <p:spPr>
          <a:xfrm>
            <a:off x="8112815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4</a:t>
            </a:r>
          </a:p>
        </p:txBody>
      </p:sp>
      <p:sp>
        <p:nvSpPr>
          <p:cNvPr id="48" name="Arrow: Right 130" title="Year Arrow">
            <a:extLst>
              <a:ext uri="{FF2B5EF4-FFF2-40B4-BE49-F238E27FC236}">
                <a16:creationId xmlns="" xmlns:a16="http://schemas.microsoft.com/office/drawing/2014/main" id="{263DB357-E526-408B-9B3F-F017605849ED}"/>
              </a:ext>
            </a:extLst>
          </p:cNvPr>
          <p:cNvSpPr/>
          <p:nvPr/>
        </p:nvSpPr>
        <p:spPr>
          <a:xfrm>
            <a:off x="3372641" y="3659371"/>
            <a:ext cx="2759196" cy="355256"/>
          </a:xfrm>
          <a:prstGeom prst="rightArrow">
            <a:avLst>
              <a:gd name="adj1" fmla="val 100000"/>
              <a:gd name="adj2" fmla="val 50000"/>
            </a:avLst>
          </a:prstGeom>
          <a:solidFill>
            <a:srgbClr val="F3E7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 sz="1100" b="1" dirty="0"/>
          </a:p>
        </p:txBody>
      </p:sp>
      <p:sp>
        <p:nvSpPr>
          <p:cNvPr id="49" name="Oval 48" title="Quarter Background Cirlce">
            <a:extLst>
              <a:ext uri="{FF2B5EF4-FFF2-40B4-BE49-F238E27FC236}">
                <a16:creationId xmlns="" xmlns:a16="http://schemas.microsoft.com/office/drawing/2014/main" id="{DDADAC53-FEC9-400E-B7FC-72F25EF0FE21}"/>
              </a:ext>
            </a:extLst>
          </p:cNvPr>
          <p:cNvSpPr/>
          <p:nvPr/>
        </p:nvSpPr>
        <p:spPr>
          <a:xfrm>
            <a:off x="5558404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50" name="Oval 49" title="Quarter Background Cirlce">
            <a:extLst>
              <a:ext uri="{FF2B5EF4-FFF2-40B4-BE49-F238E27FC236}">
                <a16:creationId xmlns="" xmlns:a16="http://schemas.microsoft.com/office/drawing/2014/main" id="{EC0BAC80-DECA-4286-9763-E1B32B824792}"/>
              </a:ext>
            </a:extLst>
          </p:cNvPr>
          <p:cNvSpPr/>
          <p:nvPr/>
        </p:nvSpPr>
        <p:spPr>
          <a:xfrm>
            <a:off x="4909379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51" name="Oval 50" title="Quarter Background Cirlce">
            <a:extLst>
              <a:ext uri="{FF2B5EF4-FFF2-40B4-BE49-F238E27FC236}">
                <a16:creationId xmlns="" xmlns:a16="http://schemas.microsoft.com/office/drawing/2014/main" id="{83C4B4F8-27D7-41DD-896D-A1B91FF462FD}"/>
              </a:ext>
            </a:extLst>
          </p:cNvPr>
          <p:cNvSpPr/>
          <p:nvPr/>
        </p:nvSpPr>
        <p:spPr>
          <a:xfrm>
            <a:off x="4272857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52" name="Oval 51" title="Quarter Background Cirlce">
            <a:extLst>
              <a:ext uri="{FF2B5EF4-FFF2-40B4-BE49-F238E27FC236}">
                <a16:creationId xmlns="" xmlns:a16="http://schemas.microsoft.com/office/drawing/2014/main" id="{AE29C92D-0A5A-405A-B0B6-9115A90C3CB7}"/>
              </a:ext>
            </a:extLst>
          </p:cNvPr>
          <p:cNvSpPr/>
          <p:nvPr/>
        </p:nvSpPr>
        <p:spPr>
          <a:xfrm>
            <a:off x="3615667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53" name="TextBox 52" title="Quarter Number">
            <a:extLst>
              <a:ext uri="{FF2B5EF4-FFF2-40B4-BE49-F238E27FC236}">
                <a16:creationId xmlns="" xmlns:a16="http://schemas.microsoft.com/office/drawing/2014/main" id="{316E8E00-CDAC-4884-B354-EEC46B99951A}"/>
              </a:ext>
            </a:extLst>
          </p:cNvPr>
          <p:cNvSpPr txBox="1"/>
          <p:nvPr/>
        </p:nvSpPr>
        <p:spPr>
          <a:xfrm>
            <a:off x="3580210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1</a:t>
            </a:r>
            <a:endParaRPr lang="en-ZA" sz="1100" b="1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54" name="TextBox 53" title="Quarter Number">
            <a:extLst>
              <a:ext uri="{FF2B5EF4-FFF2-40B4-BE49-F238E27FC236}">
                <a16:creationId xmlns="" xmlns:a16="http://schemas.microsoft.com/office/drawing/2014/main" id="{99123C15-08DD-4459-98C8-FB1D88A48434}"/>
              </a:ext>
            </a:extLst>
          </p:cNvPr>
          <p:cNvSpPr txBox="1"/>
          <p:nvPr/>
        </p:nvSpPr>
        <p:spPr>
          <a:xfrm>
            <a:off x="4227725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2</a:t>
            </a:r>
          </a:p>
        </p:txBody>
      </p:sp>
      <p:sp>
        <p:nvSpPr>
          <p:cNvPr id="55" name="TextBox 54" title="Quarter Number">
            <a:extLst>
              <a:ext uri="{FF2B5EF4-FFF2-40B4-BE49-F238E27FC236}">
                <a16:creationId xmlns="" xmlns:a16="http://schemas.microsoft.com/office/drawing/2014/main" id="{702C22D6-E9B8-49C2-813B-3220EF5976F5}"/>
              </a:ext>
            </a:extLst>
          </p:cNvPr>
          <p:cNvSpPr txBox="1"/>
          <p:nvPr/>
        </p:nvSpPr>
        <p:spPr>
          <a:xfrm>
            <a:off x="4875240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3</a:t>
            </a:r>
          </a:p>
        </p:txBody>
      </p:sp>
      <p:sp>
        <p:nvSpPr>
          <p:cNvPr id="56" name="TextBox 55" title="Quarter Number">
            <a:extLst>
              <a:ext uri="{FF2B5EF4-FFF2-40B4-BE49-F238E27FC236}">
                <a16:creationId xmlns="" xmlns:a16="http://schemas.microsoft.com/office/drawing/2014/main" id="{71DFD606-8479-465C-B5A5-ACC2FD6A05AD}"/>
              </a:ext>
            </a:extLst>
          </p:cNvPr>
          <p:cNvSpPr txBox="1"/>
          <p:nvPr/>
        </p:nvSpPr>
        <p:spPr>
          <a:xfrm>
            <a:off x="5522755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4</a:t>
            </a:r>
          </a:p>
        </p:txBody>
      </p:sp>
      <p:sp>
        <p:nvSpPr>
          <p:cNvPr id="57" name="Arrow: Right 129" title="Year Arrow">
            <a:extLst>
              <a:ext uri="{FF2B5EF4-FFF2-40B4-BE49-F238E27FC236}">
                <a16:creationId xmlns="" xmlns:a16="http://schemas.microsoft.com/office/drawing/2014/main" id="{87B1024A-9540-4EF2-9517-87E3BE7BCE76}"/>
              </a:ext>
            </a:extLst>
          </p:cNvPr>
          <p:cNvSpPr/>
          <p:nvPr/>
        </p:nvSpPr>
        <p:spPr>
          <a:xfrm>
            <a:off x="768089" y="3659371"/>
            <a:ext cx="2782526" cy="355256"/>
          </a:xfrm>
          <a:prstGeom prst="rightArrow">
            <a:avLst>
              <a:gd name="adj1" fmla="val 100000"/>
              <a:gd name="adj2" fmla="val 50000"/>
            </a:avLst>
          </a:prstGeom>
          <a:solidFill>
            <a:srgbClr val="19EB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ZA" sz="1100" b="1" dirty="0"/>
          </a:p>
        </p:txBody>
      </p:sp>
      <p:sp>
        <p:nvSpPr>
          <p:cNvPr id="58" name="Oval 57" title="Quarter Background Cirlce">
            <a:extLst>
              <a:ext uri="{FF2B5EF4-FFF2-40B4-BE49-F238E27FC236}">
                <a16:creationId xmlns="" xmlns:a16="http://schemas.microsoft.com/office/drawing/2014/main" id="{74AE39C1-CE7F-4294-BA9F-DE5050CFDD2F}"/>
              </a:ext>
            </a:extLst>
          </p:cNvPr>
          <p:cNvSpPr/>
          <p:nvPr/>
        </p:nvSpPr>
        <p:spPr>
          <a:xfrm>
            <a:off x="2977139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59" name="Oval 58" title="Quarter Background Cirlce">
            <a:extLst>
              <a:ext uri="{FF2B5EF4-FFF2-40B4-BE49-F238E27FC236}">
                <a16:creationId xmlns="" xmlns:a16="http://schemas.microsoft.com/office/drawing/2014/main" id="{4EC46266-F9A2-46D0-9AAB-09889D0F8267}"/>
              </a:ext>
            </a:extLst>
          </p:cNvPr>
          <p:cNvSpPr/>
          <p:nvPr/>
        </p:nvSpPr>
        <p:spPr>
          <a:xfrm>
            <a:off x="2319510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60" name="Oval 59" title="Quarter Background Cirlce">
            <a:extLst>
              <a:ext uri="{FF2B5EF4-FFF2-40B4-BE49-F238E27FC236}">
                <a16:creationId xmlns="" xmlns:a16="http://schemas.microsoft.com/office/drawing/2014/main" id="{90488C51-8860-4A29-A9FF-840EEF3025C6}"/>
              </a:ext>
            </a:extLst>
          </p:cNvPr>
          <p:cNvSpPr/>
          <p:nvPr/>
        </p:nvSpPr>
        <p:spPr>
          <a:xfrm>
            <a:off x="1675247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61" name="Oval 60" title="Quarter Background Cirlce">
            <a:extLst>
              <a:ext uri="{FF2B5EF4-FFF2-40B4-BE49-F238E27FC236}">
                <a16:creationId xmlns="" xmlns:a16="http://schemas.microsoft.com/office/drawing/2014/main" id="{2816A943-3130-484E-97D1-6C7917F3DD30}"/>
              </a:ext>
            </a:extLst>
          </p:cNvPr>
          <p:cNvSpPr/>
          <p:nvPr/>
        </p:nvSpPr>
        <p:spPr>
          <a:xfrm>
            <a:off x="1029283" y="3737104"/>
            <a:ext cx="211582" cy="21158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b="1"/>
          </a:p>
        </p:txBody>
      </p:sp>
      <p:sp>
        <p:nvSpPr>
          <p:cNvPr id="62" name="TextBox 61" title="Quarter Number">
            <a:extLst>
              <a:ext uri="{FF2B5EF4-FFF2-40B4-BE49-F238E27FC236}">
                <a16:creationId xmlns="" xmlns:a16="http://schemas.microsoft.com/office/drawing/2014/main" id="{4E8CE979-A9B5-418A-BC22-CF6E42776816}"/>
              </a:ext>
            </a:extLst>
          </p:cNvPr>
          <p:cNvSpPr txBox="1"/>
          <p:nvPr/>
        </p:nvSpPr>
        <p:spPr>
          <a:xfrm>
            <a:off x="990150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1</a:t>
            </a:r>
            <a:endParaRPr lang="en-ZA" sz="1100" b="1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63" name="TextBox 62" title="Quarter Number">
            <a:extLst>
              <a:ext uri="{FF2B5EF4-FFF2-40B4-BE49-F238E27FC236}">
                <a16:creationId xmlns="" xmlns:a16="http://schemas.microsoft.com/office/drawing/2014/main" id="{6DF41A29-164B-42EC-9F68-19D2E3AEC527}"/>
              </a:ext>
            </a:extLst>
          </p:cNvPr>
          <p:cNvSpPr txBox="1"/>
          <p:nvPr/>
        </p:nvSpPr>
        <p:spPr>
          <a:xfrm>
            <a:off x="1637665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2</a:t>
            </a:r>
          </a:p>
        </p:txBody>
      </p:sp>
      <p:sp>
        <p:nvSpPr>
          <p:cNvPr id="64" name="TextBox 63" title="Quarter Number">
            <a:extLst>
              <a:ext uri="{FF2B5EF4-FFF2-40B4-BE49-F238E27FC236}">
                <a16:creationId xmlns="" xmlns:a16="http://schemas.microsoft.com/office/drawing/2014/main" id="{7162BA43-FD37-4686-8437-28F117A90A25}"/>
              </a:ext>
            </a:extLst>
          </p:cNvPr>
          <p:cNvSpPr txBox="1"/>
          <p:nvPr/>
        </p:nvSpPr>
        <p:spPr>
          <a:xfrm>
            <a:off x="2285180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3</a:t>
            </a:r>
          </a:p>
        </p:txBody>
      </p:sp>
      <p:sp>
        <p:nvSpPr>
          <p:cNvPr id="65" name="TextBox 64" title="Quarter Number">
            <a:extLst>
              <a:ext uri="{FF2B5EF4-FFF2-40B4-BE49-F238E27FC236}">
                <a16:creationId xmlns="" xmlns:a16="http://schemas.microsoft.com/office/drawing/2014/main" id="{2717FE78-5079-4505-AEB2-D90CAE956F0A}"/>
              </a:ext>
            </a:extLst>
          </p:cNvPr>
          <p:cNvSpPr txBox="1"/>
          <p:nvPr/>
        </p:nvSpPr>
        <p:spPr>
          <a:xfrm>
            <a:off x="2932695" y="3764999"/>
            <a:ext cx="288000" cy="144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ZA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Q4</a:t>
            </a:r>
          </a:p>
        </p:txBody>
      </p:sp>
      <p:cxnSp>
        <p:nvCxnSpPr>
          <p:cNvPr id="66" name="Straight Connector 65" title="Q lines">
            <a:extLst>
              <a:ext uri="{FF2B5EF4-FFF2-40B4-BE49-F238E27FC236}">
                <a16:creationId xmlns="" xmlns:a16="http://schemas.microsoft.com/office/drawing/2014/main" id="{41B307BB-3402-4094-9F33-C7024257652B}"/>
              </a:ext>
            </a:extLst>
          </p:cNvPr>
          <p:cNvCxnSpPr>
            <a:cxnSpLocks/>
          </p:cNvCxnSpPr>
          <p:nvPr/>
        </p:nvCxnSpPr>
        <p:spPr>
          <a:xfrm>
            <a:off x="10152525" y="2942079"/>
            <a:ext cx="0" cy="720000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val 66" title="Milestone Number">
            <a:extLst>
              <a:ext uri="{FF2B5EF4-FFF2-40B4-BE49-F238E27FC236}">
                <a16:creationId xmlns="" xmlns:a16="http://schemas.microsoft.com/office/drawing/2014/main" id="{FE69CE1A-2C45-45CB-A60D-9AF7425960BE}"/>
              </a:ext>
            </a:extLst>
          </p:cNvPr>
          <p:cNvSpPr/>
          <p:nvPr/>
        </p:nvSpPr>
        <p:spPr>
          <a:xfrm>
            <a:off x="9945528" y="2549176"/>
            <a:ext cx="407673" cy="407673"/>
          </a:xfrm>
          <a:prstGeom prst="ellipse">
            <a:avLst/>
          </a:prstGeom>
          <a:solidFill>
            <a:srgbClr val="DD75BA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>
            <a:bevelT w="139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ZA" sz="1200" dirty="0" smtClean="0">
                <a:solidFill>
                  <a:schemeClr val="bg1"/>
                </a:solidFill>
              </a:rPr>
              <a:t>06</a:t>
            </a:r>
            <a:endParaRPr lang="en-ZA" sz="1200" dirty="0">
              <a:solidFill>
                <a:schemeClr val="bg1"/>
              </a:solidFill>
            </a:endParaRPr>
          </a:p>
        </p:txBody>
      </p:sp>
      <p:cxnSp>
        <p:nvCxnSpPr>
          <p:cNvPr id="68" name="Straight Connector 67" title="Q lines">
            <a:extLst>
              <a:ext uri="{FF2B5EF4-FFF2-40B4-BE49-F238E27FC236}">
                <a16:creationId xmlns="" xmlns:a16="http://schemas.microsoft.com/office/drawing/2014/main" id="{F54047B2-9C08-4A8C-A924-AA676C29FB41}"/>
              </a:ext>
            </a:extLst>
          </p:cNvPr>
          <p:cNvCxnSpPr>
            <a:cxnSpLocks/>
          </p:cNvCxnSpPr>
          <p:nvPr/>
        </p:nvCxnSpPr>
        <p:spPr>
          <a:xfrm>
            <a:off x="5013281" y="4001927"/>
            <a:ext cx="0" cy="720000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Straight Connector 68" title="Q lines">
            <a:extLst>
              <a:ext uri="{FF2B5EF4-FFF2-40B4-BE49-F238E27FC236}">
                <a16:creationId xmlns="" xmlns:a16="http://schemas.microsoft.com/office/drawing/2014/main" id="{F54047B2-9C08-4A8C-A924-AA676C29FB41}"/>
              </a:ext>
            </a:extLst>
          </p:cNvPr>
          <p:cNvCxnSpPr>
            <a:cxnSpLocks/>
          </p:cNvCxnSpPr>
          <p:nvPr/>
        </p:nvCxnSpPr>
        <p:spPr>
          <a:xfrm>
            <a:off x="1765119" y="4001927"/>
            <a:ext cx="0" cy="720000"/>
          </a:xfrm>
          <a:prstGeom prst="line">
            <a:avLst/>
          </a:prstGeom>
          <a:ln w="12700" cmpd="sng">
            <a:solidFill>
              <a:schemeClr val="bg1">
                <a:lumMod val="7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70" name="Group 69"/>
          <p:cNvGrpSpPr/>
          <p:nvPr/>
        </p:nvGrpSpPr>
        <p:grpSpPr>
          <a:xfrm>
            <a:off x="741361" y="5224630"/>
            <a:ext cx="2028554" cy="746415"/>
            <a:chOff x="1449657" y="1981312"/>
            <a:chExt cx="2028554" cy="746415"/>
          </a:xfrm>
        </p:grpSpPr>
        <p:sp>
          <p:nvSpPr>
            <p:cNvPr id="71" name="TextBox 70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779857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Milestone</a:t>
              </a:r>
            </a:p>
          </p:txBody>
        </p:sp>
        <p:sp>
          <p:nvSpPr>
            <p:cNvPr id="72" name="TextBox 71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73" name="TextBox 72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735165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74" name="Group 73"/>
          <p:cNvGrpSpPr/>
          <p:nvPr/>
        </p:nvGrpSpPr>
        <p:grpSpPr>
          <a:xfrm>
            <a:off x="4008803" y="5224630"/>
            <a:ext cx="2028554" cy="746415"/>
            <a:chOff x="1449657" y="1981312"/>
            <a:chExt cx="2028554" cy="746415"/>
          </a:xfrm>
        </p:grpSpPr>
        <p:sp>
          <p:nvSpPr>
            <p:cNvPr id="75" name="TextBox 74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779857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Milestone</a:t>
              </a:r>
            </a:p>
          </p:txBody>
        </p:sp>
        <p:sp>
          <p:nvSpPr>
            <p:cNvPr id="76" name="TextBox 75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77" name="TextBox 76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735165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78" name="Group 77"/>
          <p:cNvGrpSpPr/>
          <p:nvPr/>
        </p:nvGrpSpPr>
        <p:grpSpPr>
          <a:xfrm>
            <a:off x="7292444" y="5224630"/>
            <a:ext cx="2028554" cy="746415"/>
            <a:chOff x="1449657" y="1981312"/>
            <a:chExt cx="2028554" cy="746415"/>
          </a:xfrm>
        </p:grpSpPr>
        <p:sp>
          <p:nvSpPr>
            <p:cNvPr id="79" name="TextBox 78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779857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Milestone</a:t>
              </a:r>
            </a:p>
          </p:txBody>
        </p:sp>
        <p:sp>
          <p:nvSpPr>
            <p:cNvPr id="80" name="TextBox 79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81" name="TextBox 80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735165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82" name="Group 81"/>
          <p:cNvGrpSpPr/>
          <p:nvPr/>
        </p:nvGrpSpPr>
        <p:grpSpPr>
          <a:xfrm>
            <a:off x="5978352" y="1786485"/>
            <a:ext cx="2028554" cy="746415"/>
            <a:chOff x="1449657" y="1981312"/>
            <a:chExt cx="2028554" cy="746415"/>
          </a:xfrm>
        </p:grpSpPr>
        <p:sp>
          <p:nvSpPr>
            <p:cNvPr id="83" name="TextBox 82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779857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Milestone</a:t>
              </a:r>
            </a:p>
          </p:txBody>
        </p:sp>
        <p:sp>
          <p:nvSpPr>
            <p:cNvPr id="84" name="TextBox 83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85" name="TextBox 84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735165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86" name="Group 85"/>
          <p:cNvGrpSpPr/>
          <p:nvPr/>
        </p:nvGrpSpPr>
        <p:grpSpPr>
          <a:xfrm>
            <a:off x="9163559" y="1786485"/>
            <a:ext cx="2028554" cy="746415"/>
            <a:chOff x="1449657" y="1981312"/>
            <a:chExt cx="2028554" cy="746415"/>
          </a:xfrm>
        </p:grpSpPr>
        <p:sp>
          <p:nvSpPr>
            <p:cNvPr id="87" name="TextBox 86">
              <a:extLst>
                <a:ext uri="{FF2B5EF4-FFF2-40B4-BE49-F238E27FC236}">
                  <a16:creationId xmlns="" xmlns:a16="http://schemas.microsoft.com/office/drawing/2014/main" id="{0618AC60-DF13-401B-AC73-91C3F019CB3C}"/>
                </a:ext>
              </a:extLst>
            </p:cNvPr>
            <p:cNvSpPr txBox="1"/>
            <p:nvPr/>
          </p:nvSpPr>
          <p:spPr>
            <a:xfrm>
              <a:off x="1779857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Milestone</a:t>
              </a:r>
            </a:p>
          </p:txBody>
        </p:sp>
        <p:sp>
          <p:nvSpPr>
            <p:cNvPr id="88" name="TextBox 87">
              <a:extLst>
                <a:ext uri="{FF2B5EF4-FFF2-40B4-BE49-F238E27FC236}">
                  <a16:creationId xmlns="" xmlns:a16="http://schemas.microsoft.com/office/drawing/2014/main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89" name="TextBox 88">
              <a:extLst>
                <a:ext uri="{FF2B5EF4-FFF2-40B4-BE49-F238E27FC236}">
                  <a16:creationId xmlns="" xmlns:a16="http://schemas.microsoft.com/office/drawing/2014/main" id="{1F787D19-74CB-4E43-A8E2-2A3F0A45D221}"/>
                </a:ext>
              </a:extLst>
            </p:cNvPr>
            <p:cNvSpPr txBox="1"/>
            <p:nvPr/>
          </p:nvSpPr>
          <p:spPr>
            <a:xfrm>
              <a:off x="1735165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ctr"/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5380366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" name="Rectangle 99"/>
          <p:cNvSpPr/>
          <p:nvPr/>
        </p:nvSpPr>
        <p:spPr>
          <a:xfrm>
            <a:off x="574483" y="2512605"/>
            <a:ext cx="864000" cy="233542"/>
          </a:xfrm>
          <a:prstGeom prst="rect">
            <a:avLst/>
          </a:prstGeom>
          <a:solidFill>
            <a:srgbClr val="A66BD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Jan </a:t>
            </a:r>
            <a:endParaRPr lang="fr-BE" sz="1200" dirty="0"/>
          </a:p>
        </p:txBody>
      </p:sp>
      <p:sp>
        <p:nvSpPr>
          <p:cNvPr id="101" name="Rectangle 100"/>
          <p:cNvSpPr/>
          <p:nvPr/>
        </p:nvSpPr>
        <p:spPr>
          <a:xfrm>
            <a:off x="1489168" y="2512605"/>
            <a:ext cx="864000" cy="233542"/>
          </a:xfrm>
          <a:prstGeom prst="rect">
            <a:avLst/>
          </a:prstGeom>
          <a:solidFill>
            <a:srgbClr val="A66BD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Feb</a:t>
            </a:r>
            <a:endParaRPr lang="fr-BE" sz="1200" dirty="0"/>
          </a:p>
        </p:txBody>
      </p:sp>
      <p:sp>
        <p:nvSpPr>
          <p:cNvPr id="102" name="Rectangle 101"/>
          <p:cNvSpPr/>
          <p:nvPr/>
        </p:nvSpPr>
        <p:spPr>
          <a:xfrm>
            <a:off x="2403853" y="2512605"/>
            <a:ext cx="864000" cy="233542"/>
          </a:xfrm>
          <a:prstGeom prst="rect">
            <a:avLst/>
          </a:prstGeom>
          <a:solidFill>
            <a:srgbClr val="A66BD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Mar</a:t>
            </a:r>
            <a:endParaRPr lang="fr-BE" sz="1200" dirty="0"/>
          </a:p>
        </p:txBody>
      </p:sp>
      <p:sp>
        <p:nvSpPr>
          <p:cNvPr id="103" name="Rectangle 102"/>
          <p:cNvSpPr/>
          <p:nvPr/>
        </p:nvSpPr>
        <p:spPr>
          <a:xfrm>
            <a:off x="3318538" y="2512605"/>
            <a:ext cx="864000" cy="233542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Apr</a:t>
            </a:r>
            <a:endParaRPr lang="fr-BE" sz="1200" dirty="0"/>
          </a:p>
        </p:txBody>
      </p:sp>
      <p:sp>
        <p:nvSpPr>
          <p:cNvPr id="104" name="Rectangle 103"/>
          <p:cNvSpPr/>
          <p:nvPr/>
        </p:nvSpPr>
        <p:spPr>
          <a:xfrm>
            <a:off x="4233223" y="2512605"/>
            <a:ext cx="864000" cy="233542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May</a:t>
            </a:r>
            <a:endParaRPr lang="fr-BE" sz="1200" dirty="0"/>
          </a:p>
        </p:txBody>
      </p:sp>
      <p:sp>
        <p:nvSpPr>
          <p:cNvPr id="105" name="Rectangle 104"/>
          <p:cNvSpPr/>
          <p:nvPr/>
        </p:nvSpPr>
        <p:spPr>
          <a:xfrm>
            <a:off x="5147908" y="2512605"/>
            <a:ext cx="864000" cy="233542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Jun</a:t>
            </a:r>
            <a:endParaRPr lang="fr-BE" sz="1200" dirty="0"/>
          </a:p>
        </p:txBody>
      </p:sp>
      <p:sp>
        <p:nvSpPr>
          <p:cNvPr id="106" name="Rectangle 105"/>
          <p:cNvSpPr/>
          <p:nvPr/>
        </p:nvSpPr>
        <p:spPr>
          <a:xfrm>
            <a:off x="6062593" y="2512605"/>
            <a:ext cx="864000" cy="233542"/>
          </a:xfrm>
          <a:prstGeom prst="rect">
            <a:avLst/>
          </a:prstGeom>
          <a:solidFill>
            <a:srgbClr val="00C0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Jul</a:t>
            </a:r>
            <a:endParaRPr lang="fr-BE" sz="1200" dirty="0"/>
          </a:p>
        </p:txBody>
      </p:sp>
      <p:sp>
        <p:nvSpPr>
          <p:cNvPr id="107" name="Rectangle 106"/>
          <p:cNvSpPr/>
          <p:nvPr/>
        </p:nvSpPr>
        <p:spPr>
          <a:xfrm>
            <a:off x="6977278" y="2512605"/>
            <a:ext cx="864000" cy="233542"/>
          </a:xfrm>
          <a:prstGeom prst="rect">
            <a:avLst/>
          </a:prstGeom>
          <a:solidFill>
            <a:srgbClr val="00C0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Aug</a:t>
            </a:r>
            <a:endParaRPr lang="fr-BE" sz="1200" dirty="0"/>
          </a:p>
        </p:txBody>
      </p:sp>
      <p:sp>
        <p:nvSpPr>
          <p:cNvPr id="108" name="Rectangle 107"/>
          <p:cNvSpPr/>
          <p:nvPr/>
        </p:nvSpPr>
        <p:spPr>
          <a:xfrm>
            <a:off x="7891963" y="2512605"/>
            <a:ext cx="864000" cy="233542"/>
          </a:xfrm>
          <a:prstGeom prst="rect">
            <a:avLst/>
          </a:prstGeom>
          <a:solidFill>
            <a:srgbClr val="00C0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Sep</a:t>
            </a:r>
            <a:endParaRPr lang="fr-BE" sz="1200" dirty="0"/>
          </a:p>
        </p:txBody>
      </p:sp>
      <p:sp>
        <p:nvSpPr>
          <p:cNvPr id="109" name="Rectangle 108"/>
          <p:cNvSpPr/>
          <p:nvPr/>
        </p:nvSpPr>
        <p:spPr>
          <a:xfrm>
            <a:off x="8806648" y="2512605"/>
            <a:ext cx="864000" cy="233542"/>
          </a:xfrm>
          <a:prstGeom prst="rect">
            <a:avLst/>
          </a:prstGeom>
          <a:solidFill>
            <a:srgbClr val="0CE25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Oct</a:t>
            </a:r>
            <a:endParaRPr lang="fr-BE" sz="1200" dirty="0"/>
          </a:p>
        </p:txBody>
      </p:sp>
      <p:sp>
        <p:nvSpPr>
          <p:cNvPr id="110" name="Rectangle 109"/>
          <p:cNvSpPr/>
          <p:nvPr/>
        </p:nvSpPr>
        <p:spPr>
          <a:xfrm>
            <a:off x="9721333" y="2512605"/>
            <a:ext cx="864000" cy="233542"/>
          </a:xfrm>
          <a:prstGeom prst="rect">
            <a:avLst/>
          </a:prstGeom>
          <a:solidFill>
            <a:srgbClr val="0CE25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Nov</a:t>
            </a:r>
            <a:endParaRPr lang="fr-BE" sz="1200" dirty="0"/>
          </a:p>
        </p:txBody>
      </p:sp>
      <p:sp>
        <p:nvSpPr>
          <p:cNvPr id="111" name="Rectangle 110"/>
          <p:cNvSpPr/>
          <p:nvPr/>
        </p:nvSpPr>
        <p:spPr>
          <a:xfrm>
            <a:off x="10636022" y="2512605"/>
            <a:ext cx="838761" cy="233542"/>
          </a:xfrm>
          <a:prstGeom prst="rect">
            <a:avLst/>
          </a:prstGeom>
          <a:solidFill>
            <a:srgbClr val="0CE25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200" dirty="0" smtClean="0"/>
              <a:t>Dec</a:t>
            </a:r>
            <a:endParaRPr lang="fr-BE" sz="1200" dirty="0"/>
          </a:p>
        </p:txBody>
      </p:sp>
      <p:grpSp>
        <p:nvGrpSpPr>
          <p:cNvPr id="113" name="Group 112"/>
          <p:cNvGrpSpPr/>
          <p:nvPr/>
        </p:nvGrpSpPr>
        <p:grpSpPr>
          <a:xfrm>
            <a:off x="576276" y="2777682"/>
            <a:ext cx="862207" cy="179109"/>
            <a:chOff x="474676" y="4176352"/>
            <a:chExt cx="862207" cy="179109"/>
          </a:xfrm>
        </p:grpSpPr>
        <p:sp>
          <p:nvSpPr>
            <p:cNvPr id="114" name="Rectangle 113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15" name="Rectangle 114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16" name="Rectangle 115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17" name="Rectangle 116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grpSp>
        <p:nvGrpSpPr>
          <p:cNvPr id="118" name="Group 117"/>
          <p:cNvGrpSpPr/>
          <p:nvPr/>
        </p:nvGrpSpPr>
        <p:grpSpPr>
          <a:xfrm>
            <a:off x="1489906" y="2777682"/>
            <a:ext cx="862207" cy="179109"/>
            <a:chOff x="474676" y="4176352"/>
            <a:chExt cx="862207" cy="179109"/>
          </a:xfrm>
        </p:grpSpPr>
        <p:sp>
          <p:nvSpPr>
            <p:cNvPr id="119" name="Rectangle 118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20" name="Rectangle 119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21" name="Rectangle 120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22" name="Rectangle 121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grpSp>
        <p:nvGrpSpPr>
          <p:cNvPr id="123" name="Group 122"/>
          <p:cNvGrpSpPr/>
          <p:nvPr/>
        </p:nvGrpSpPr>
        <p:grpSpPr>
          <a:xfrm>
            <a:off x="2403536" y="2777682"/>
            <a:ext cx="862207" cy="179109"/>
            <a:chOff x="474676" y="4176352"/>
            <a:chExt cx="862207" cy="179109"/>
          </a:xfrm>
        </p:grpSpPr>
        <p:sp>
          <p:nvSpPr>
            <p:cNvPr id="124" name="Rectangle 123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25" name="Rectangle 124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26" name="Rectangle 125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27" name="Rectangle 126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solidFill>
              <a:srgbClr val="CBA9E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grpSp>
        <p:nvGrpSpPr>
          <p:cNvPr id="128" name="Group 127"/>
          <p:cNvGrpSpPr/>
          <p:nvPr/>
        </p:nvGrpSpPr>
        <p:grpSpPr>
          <a:xfrm>
            <a:off x="3317166" y="2777682"/>
            <a:ext cx="862207" cy="179109"/>
            <a:chOff x="474676" y="4176352"/>
            <a:chExt cx="862207" cy="179109"/>
          </a:xfrm>
          <a:solidFill>
            <a:srgbClr val="53D2FF"/>
          </a:solidFill>
        </p:grpSpPr>
        <p:sp>
          <p:nvSpPr>
            <p:cNvPr id="129" name="Rectangle 128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30" name="Rectangle 129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31" name="Rectangle 130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32" name="Rectangle 131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grpSp>
        <p:nvGrpSpPr>
          <p:cNvPr id="133" name="Group 132"/>
          <p:cNvGrpSpPr/>
          <p:nvPr/>
        </p:nvGrpSpPr>
        <p:grpSpPr>
          <a:xfrm>
            <a:off x="4230796" y="2777682"/>
            <a:ext cx="862207" cy="179109"/>
            <a:chOff x="474676" y="4176352"/>
            <a:chExt cx="862207" cy="179109"/>
          </a:xfrm>
          <a:solidFill>
            <a:srgbClr val="53D2FF"/>
          </a:solidFill>
        </p:grpSpPr>
        <p:sp>
          <p:nvSpPr>
            <p:cNvPr id="134" name="Rectangle 133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35" name="Rectangle 134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36" name="Rectangle 135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37" name="Rectangle 136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grpSp>
        <p:nvGrpSpPr>
          <p:cNvPr id="138" name="Group 137"/>
          <p:cNvGrpSpPr/>
          <p:nvPr/>
        </p:nvGrpSpPr>
        <p:grpSpPr>
          <a:xfrm>
            <a:off x="5144426" y="2777682"/>
            <a:ext cx="862207" cy="179109"/>
            <a:chOff x="474676" y="4176352"/>
            <a:chExt cx="862207" cy="179109"/>
          </a:xfrm>
          <a:solidFill>
            <a:srgbClr val="53D2FF"/>
          </a:solidFill>
        </p:grpSpPr>
        <p:sp>
          <p:nvSpPr>
            <p:cNvPr id="139" name="Rectangle 138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40" name="Rectangle 139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41" name="Rectangle 140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42" name="Rectangle 141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grpSp>
        <p:nvGrpSpPr>
          <p:cNvPr id="143" name="Group 142"/>
          <p:cNvGrpSpPr/>
          <p:nvPr/>
        </p:nvGrpSpPr>
        <p:grpSpPr>
          <a:xfrm>
            <a:off x="6058056" y="2777682"/>
            <a:ext cx="862207" cy="179109"/>
            <a:chOff x="474676" y="4176352"/>
            <a:chExt cx="862207" cy="179109"/>
          </a:xfrm>
          <a:solidFill>
            <a:srgbClr val="00E6AA"/>
          </a:solidFill>
        </p:grpSpPr>
        <p:sp>
          <p:nvSpPr>
            <p:cNvPr id="144" name="Rectangle 143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45" name="Rectangle 144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46" name="Rectangle 145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47" name="Rectangle 146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grpSp>
        <p:nvGrpSpPr>
          <p:cNvPr id="148" name="Group 147"/>
          <p:cNvGrpSpPr/>
          <p:nvPr/>
        </p:nvGrpSpPr>
        <p:grpSpPr>
          <a:xfrm>
            <a:off x="6971686" y="2777682"/>
            <a:ext cx="862207" cy="179109"/>
            <a:chOff x="474676" y="4176352"/>
            <a:chExt cx="862207" cy="179109"/>
          </a:xfrm>
          <a:solidFill>
            <a:srgbClr val="00E6AA"/>
          </a:solidFill>
        </p:grpSpPr>
        <p:sp>
          <p:nvSpPr>
            <p:cNvPr id="149" name="Rectangle 148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50" name="Rectangle 149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51" name="Rectangle 150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52" name="Rectangle 151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grpSp>
        <p:nvGrpSpPr>
          <p:cNvPr id="153" name="Group 152"/>
          <p:cNvGrpSpPr/>
          <p:nvPr/>
        </p:nvGrpSpPr>
        <p:grpSpPr>
          <a:xfrm>
            <a:off x="7885316" y="2777682"/>
            <a:ext cx="862207" cy="179109"/>
            <a:chOff x="474676" y="4176352"/>
            <a:chExt cx="862207" cy="179109"/>
          </a:xfrm>
          <a:solidFill>
            <a:srgbClr val="00E6AA"/>
          </a:solidFill>
        </p:grpSpPr>
        <p:sp>
          <p:nvSpPr>
            <p:cNvPr id="154" name="Rectangle 153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55" name="Rectangle 154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56" name="Rectangle 155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57" name="Rectangle 156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grpSp>
        <p:nvGrpSpPr>
          <p:cNvPr id="158" name="Group 157"/>
          <p:cNvGrpSpPr/>
          <p:nvPr/>
        </p:nvGrpSpPr>
        <p:grpSpPr>
          <a:xfrm>
            <a:off x="8798946" y="2777682"/>
            <a:ext cx="862207" cy="179109"/>
            <a:chOff x="474676" y="4176352"/>
            <a:chExt cx="862207" cy="179109"/>
          </a:xfrm>
          <a:solidFill>
            <a:srgbClr val="60F699"/>
          </a:solidFill>
        </p:grpSpPr>
        <p:sp>
          <p:nvSpPr>
            <p:cNvPr id="159" name="Rectangle 158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60" name="Rectangle 159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61" name="Rectangle 160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62" name="Rectangle 161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grpSp>
        <p:nvGrpSpPr>
          <p:cNvPr id="163" name="Group 162"/>
          <p:cNvGrpSpPr/>
          <p:nvPr/>
        </p:nvGrpSpPr>
        <p:grpSpPr>
          <a:xfrm>
            <a:off x="9712576" y="2777682"/>
            <a:ext cx="862207" cy="179109"/>
            <a:chOff x="474676" y="4176352"/>
            <a:chExt cx="862207" cy="179109"/>
          </a:xfrm>
          <a:solidFill>
            <a:srgbClr val="60F699"/>
          </a:solidFill>
        </p:grpSpPr>
        <p:sp>
          <p:nvSpPr>
            <p:cNvPr id="164" name="Rectangle 163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65" name="Rectangle 164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66" name="Rectangle 165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67" name="Rectangle 166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grpSp>
        <p:nvGrpSpPr>
          <p:cNvPr id="168" name="Group 167"/>
          <p:cNvGrpSpPr/>
          <p:nvPr/>
        </p:nvGrpSpPr>
        <p:grpSpPr>
          <a:xfrm>
            <a:off x="10626208" y="2777682"/>
            <a:ext cx="862207" cy="179109"/>
            <a:chOff x="474676" y="4176352"/>
            <a:chExt cx="862207" cy="179109"/>
          </a:xfrm>
          <a:solidFill>
            <a:srgbClr val="60F699"/>
          </a:solidFill>
        </p:grpSpPr>
        <p:sp>
          <p:nvSpPr>
            <p:cNvPr id="169" name="Rectangle 168"/>
            <p:cNvSpPr/>
            <p:nvPr/>
          </p:nvSpPr>
          <p:spPr>
            <a:xfrm>
              <a:off x="4746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300" dirty="0"/>
            </a:p>
          </p:txBody>
        </p:sp>
        <p:sp>
          <p:nvSpPr>
            <p:cNvPr id="170" name="Rectangle 169"/>
            <p:cNvSpPr/>
            <p:nvPr/>
          </p:nvSpPr>
          <p:spPr>
            <a:xfrm>
              <a:off x="703276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71" name="Rectangle 170"/>
            <p:cNvSpPr/>
            <p:nvPr/>
          </p:nvSpPr>
          <p:spPr>
            <a:xfrm>
              <a:off x="9282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  <p:sp>
          <p:nvSpPr>
            <p:cNvPr id="172" name="Rectangle 171"/>
            <p:cNvSpPr/>
            <p:nvPr/>
          </p:nvSpPr>
          <p:spPr>
            <a:xfrm>
              <a:off x="1156883" y="4176352"/>
              <a:ext cx="180000" cy="179109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BE" sz="1200" dirty="0"/>
            </a:p>
          </p:txBody>
        </p:sp>
      </p:grpSp>
      <p:sp>
        <p:nvSpPr>
          <p:cNvPr id="173" name="Rounded Rectangle 172"/>
          <p:cNvSpPr/>
          <p:nvPr/>
        </p:nvSpPr>
        <p:spPr>
          <a:xfrm>
            <a:off x="5141573" y="3524089"/>
            <a:ext cx="1548274" cy="248400"/>
          </a:xfrm>
          <a:prstGeom prst="round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BE"/>
          </a:p>
        </p:txBody>
      </p:sp>
      <p:sp>
        <p:nvSpPr>
          <p:cNvPr id="174" name="Rounded Rectangle 173"/>
          <p:cNvSpPr/>
          <p:nvPr/>
        </p:nvSpPr>
        <p:spPr>
          <a:xfrm>
            <a:off x="8803724" y="4597087"/>
            <a:ext cx="1762207" cy="248400"/>
          </a:xfrm>
          <a:prstGeom prst="roundRect">
            <a:avLst/>
          </a:prstGeom>
          <a:solidFill>
            <a:srgbClr val="0CE25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BE"/>
          </a:p>
        </p:txBody>
      </p:sp>
      <p:grpSp>
        <p:nvGrpSpPr>
          <p:cNvPr id="175" name="Group 174"/>
          <p:cNvGrpSpPr/>
          <p:nvPr/>
        </p:nvGrpSpPr>
        <p:grpSpPr>
          <a:xfrm>
            <a:off x="1058666" y="3599997"/>
            <a:ext cx="2034521" cy="746415"/>
            <a:chOff x="1443690" y="1981312"/>
            <a:chExt cx="2034521" cy="746415"/>
          </a:xfrm>
        </p:grpSpPr>
        <p:sp>
          <p:nvSpPr>
            <p:cNvPr id="176" name="TextBox 175">
              <a:extLst>
                <a:ext uri="{FF2B5EF4-FFF2-40B4-BE49-F238E27FC236}">
                  <a16:creationId xmlns:a16="http://schemas.microsoft.com/office/drawing/2014/main" xmlns="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A66BD3"/>
                  </a:solidFill>
                </a:rPr>
                <a:t>Milestone</a:t>
              </a:r>
            </a:p>
          </p:txBody>
        </p:sp>
        <p:sp>
          <p:nvSpPr>
            <p:cNvPr id="177" name="TextBox 176">
              <a:extLst>
                <a:ext uri="{FF2B5EF4-FFF2-40B4-BE49-F238E27FC236}">
                  <a16:creationId xmlns:a16="http://schemas.microsoft.com/office/drawing/2014/main" xmlns="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178" name="TextBox 177">
              <a:extLst>
                <a:ext uri="{FF2B5EF4-FFF2-40B4-BE49-F238E27FC236}">
                  <a16:creationId xmlns:a16="http://schemas.microsoft.com/office/drawing/2014/main" xmlns="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179" name="Group 178"/>
          <p:cNvGrpSpPr/>
          <p:nvPr/>
        </p:nvGrpSpPr>
        <p:grpSpPr>
          <a:xfrm>
            <a:off x="5144186" y="3903187"/>
            <a:ext cx="2034521" cy="746415"/>
            <a:chOff x="1443690" y="1981312"/>
            <a:chExt cx="2034521" cy="746415"/>
          </a:xfrm>
        </p:grpSpPr>
        <p:sp>
          <p:nvSpPr>
            <p:cNvPr id="180" name="TextBox 179">
              <a:extLst>
                <a:ext uri="{FF2B5EF4-FFF2-40B4-BE49-F238E27FC236}">
                  <a16:creationId xmlns:a16="http://schemas.microsoft.com/office/drawing/2014/main" xmlns="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00B0F0"/>
                  </a:solidFill>
                </a:rPr>
                <a:t>Milestone</a:t>
              </a:r>
            </a:p>
          </p:txBody>
        </p:sp>
        <p:sp>
          <p:nvSpPr>
            <p:cNvPr id="181" name="TextBox 180">
              <a:extLst>
                <a:ext uri="{FF2B5EF4-FFF2-40B4-BE49-F238E27FC236}">
                  <a16:creationId xmlns:a16="http://schemas.microsoft.com/office/drawing/2014/main" xmlns="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182" name="TextBox 181">
              <a:extLst>
                <a:ext uri="{FF2B5EF4-FFF2-40B4-BE49-F238E27FC236}">
                  <a16:creationId xmlns:a16="http://schemas.microsoft.com/office/drawing/2014/main" xmlns="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187" name="Group 186"/>
          <p:cNvGrpSpPr/>
          <p:nvPr/>
        </p:nvGrpSpPr>
        <p:grpSpPr>
          <a:xfrm>
            <a:off x="8850582" y="4995930"/>
            <a:ext cx="2034521" cy="746415"/>
            <a:chOff x="1443690" y="1981312"/>
            <a:chExt cx="2034521" cy="746415"/>
          </a:xfrm>
        </p:grpSpPr>
        <p:sp>
          <p:nvSpPr>
            <p:cNvPr id="188" name="TextBox 187">
              <a:extLst>
                <a:ext uri="{FF2B5EF4-FFF2-40B4-BE49-F238E27FC236}">
                  <a16:creationId xmlns:a16="http://schemas.microsoft.com/office/drawing/2014/main" xmlns="" id="{0618AC60-DF13-401B-AC73-91C3F019CB3C}"/>
                </a:ext>
              </a:extLst>
            </p:cNvPr>
            <p:cNvSpPr txBox="1"/>
            <p:nvPr/>
          </p:nvSpPr>
          <p:spPr>
            <a:xfrm>
              <a:off x="1443690" y="1981312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dirty="0">
                  <a:solidFill>
                    <a:srgbClr val="0CE25E"/>
                  </a:solidFill>
                </a:rPr>
                <a:t>Milestone</a:t>
              </a:r>
            </a:p>
          </p:txBody>
        </p:sp>
        <p:sp>
          <p:nvSpPr>
            <p:cNvPr id="189" name="TextBox 188">
              <a:extLst>
                <a:ext uri="{FF2B5EF4-FFF2-40B4-BE49-F238E27FC236}">
                  <a16:creationId xmlns:a16="http://schemas.microsoft.com/office/drawing/2014/main" xmlns="" id="{5938A122-F3F6-4956-953F-D7D83254FFD4}"/>
                </a:ext>
              </a:extLst>
            </p:cNvPr>
            <p:cNvSpPr txBox="1"/>
            <p:nvPr/>
          </p:nvSpPr>
          <p:spPr>
            <a:xfrm>
              <a:off x="1449657" y="2289768"/>
              <a:ext cx="2028554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escription here 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190" name="TextBox 189">
              <a:extLst>
                <a:ext uri="{FF2B5EF4-FFF2-40B4-BE49-F238E27FC236}">
                  <a16:creationId xmlns:a16="http://schemas.microsoft.com/office/drawing/2014/main" xmlns="" id="{1F787D19-74CB-4E43-A8E2-2A3F0A45D221}"/>
                </a:ext>
              </a:extLst>
            </p:cNvPr>
            <p:cNvSpPr txBox="1"/>
            <p:nvPr/>
          </p:nvSpPr>
          <p:spPr>
            <a:xfrm>
              <a:off x="1443690" y="2456356"/>
              <a:ext cx="1463738" cy="27137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ZA" sz="10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Put the milestone date here</a:t>
              </a:r>
              <a:endParaRPr lang="en-ZA" sz="10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cxnSp>
        <p:nvCxnSpPr>
          <p:cNvPr id="193" name="Straight Connector 192" title="callout lines">
            <a:extLst>
              <a:ext uri="{FF2B5EF4-FFF2-40B4-BE49-F238E27FC236}">
                <a16:creationId xmlns="" xmlns:a16="http://schemas.microsoft.com/office/drawing/2014/main" xmlns:lc="http://schemas.openxmlformats.org/drawingml/2006/lockedCanvas" id="{BDE716C9-4F7D-4C14-9DD7-E104B8688070}"/>
              </a:ext>
            </a:extLst>
          </p:cNvPr>
          <p:cNvCxnSpPr>
            <a:cxnSpLocks/>
          </p:cNvCxnSpPr>
          <p:nvPr/>
        </p:nvCxnSpPr>
        <p:spPr>
          <a:xfrm>
            <a:off x="5141573" y="2902399"/>
            <a:ext cx="0" cy="720000"/>
          </a:xfrm>
          <a:prstGeom prst="line">
            <a:avLst/>
          </a:prstGeom>
          <a:ln w="9525" cmpd="sng">
            <a:solidFill>
              <a:srgbClr val="53D2FF"/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Straight Connector 193" title="callout lines">
            <a:extLst>
              <a:ext uri="{FF2B5EF4-FFF2-40B4-BE49-F238E27FC236}">
                <a16:creationId xmlns="" xmlns:a16="http://schemas.microsoft.com/office/drawing/2014/main" xmlns:lc="http://schemas.openxmlformats.org/drawingml/2006/lockedCanvas" id="{BDE716C9-4F7D-4C14-9DD7-E104B8688070}"/>
              </a:ext>
            </a:extLst>
          </p:cNvPr>
          <p:cNvCxnSpPr>
            <a:cxnSpLocks/>
          </p:cNvCxnSpPr>
          <p:nvPr/>
        </p:nvCxnSpPr>
        <p:spPr>
          <a:xfrm>
            <a:off x="1025442" y="2777682"/>
            <a:ext cx="0" cy="720000"/>
          </a:xfrm>
          <a:prstGeom prst="line">
            <a:avLst/>
          </a:prstGeom>
          <a:ln w="9525" cmpd="sng">
            <a:solidFill>
              <a:srgbClr val="CBA9E5"/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Straight Connector 194" title="callout lines">
            <a:extLst>
              <a:ext uri="{FF2B5EF4-FFF2-40B4-BE49-F238E27FC236}">
                <a16:creationId xmlns="" xmlns:a16="http://schemas.microsoft.com/office/drawing/2014/main" xmlns:lc="http://schemas.openxmlformats.org/drawingml/2006/lockedCanvas" id="{BDE716C9-4F7D-4C14-9DD7-E104B8688070}"/>
              </a:ext>
            </a:extLst>
          </p:cNvPr>
          <p:cNvCxnSpPr>
            <a:cxnSpLocks/>
          </p:cNvCxnSpPr>
          <p:nvPr/>
        </p:nvCxnSpPr>
        <p:spPr>
          <a:xfrm>
            <a:off x="8818315" y="2777682"/>
            <a:ext cx="0" cy="1800000"/>
          </a:xfrm>
          <a:prstGeom prst="line">
            <a:avLst/>
          </a:prstGeom>
          <a:ln w="9525" cmpd="sng">
            <a:solidFill>
              <a:srgbClr val="60F699"/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Rounded Rectangle 195"/>
          <p:cNvSpPr/>
          <p:nvPr/>
        </p:nvSpPr>
        <p:spPr>
          <a:xfrm>
            <a:off x="1021669" y="3262399"/>
            <a:ext cx="1548274" cy="248400"/>
          </a:xfrm>
          <a:prstGeom prst="roundRect">
            <a:avLst/>
          </a:prstGeom>
          <a:solidFill>
            <a:srgbClr val="A66BD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BE"/>
          </a:p>
        </p:txBody>
      </p:sp>
    </p:spTree>
    <p:extLst>
      <p:ext uri="{BB962C8B-B14F-4D97-AF65-F5344CB8AC3E}">
        <p14:creationId xmlns:p14="http://schemas.microsoft.com/office/powerpoint/2010/main" val="54450824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9" name="Group 118"/>
          <p:cNvGrpSpPr/>
          <p:nvPr/>
        </p:nvGrpSpPr>
        <p:grpSpPr>
          <a:xfrm>
            <a:off x="618933" y="4542982"/>
            <a:ext cx="10913932" cy="451065"/>
            <a:chOff x="752283" y="4695382"/>
            <a:chExt cx="10913932" cy="451065"/>
          </a:xfrm>
        </p:grpSpPr>
        <p:sp>
          <p:nvSpPr>
            <p:cNvPr id="4" name="Rectangle 3"/>
            <p:cNvSpPr/>
            <p:nvPr/>
          </p:nvSpPr>
          <p:spPr>
            <a:xfrm>
              <a:off x="752283" y="4912905"/>
              <a:ext cx="864000" cy="233542"/>
            </a:xfrm>
            <a:prstGeom prst="rect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Jan </a:t>
              </a:r>
              <a:endParaRPr lang="fr-BE" sz="1200" dirty="0"/>
            </a:p>
          </p:txBody>
        </p:sp>
        <p:sp>
          <p:nvSpPr>
            <p:cNvPr id="5" name="Rectangle 4"/>
            <p:cNvSpPr/>
            <p:nvPr/>
          </p:nvSpPr>
          <p:spPr>
            <a:xfrm>
              <a:off x="1666968" y="4912905"/>
              <a:ext cx="864000" cy="233542"/>
            </a:xfrm>
            <a:prstGeom prst="rect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Feb</a:t>
              </a:r>
              <a:endParaRPr lang="fr-BE" sz="1200" dirty="0"/>
            </a:p>
          </p:txBody>
        </p:sp>
        <p:sp>
          <p:nvSpPr>
            <p:cNvPr id="6" name="Rectangle 5"/>
            <p:cNvSpPr/>
            <p:nvPr/>
          </p:nvSpPr>
          <p:spPr>
            <a:xfrm>
              <a:off x="2581653" y="4912905"/>
              <a:ext cx="864000" cy="233542"/>
            </a:xfrm>
            <a:prstGeom prst="rect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Mar</a:t>
              </a:r>
              <a:endParaRPr lang="fr-BE" sz="1200" dirty="0"/>
            </a:p>
          </p:txBody>
        </p:sp>
        <p:sp>
          <p:nvSpPr>
            <p:cNvPr id="7" name="Rectangle 6"/>
            <p:cNvSpPr/>
            <p:nvPr/>
          </p:nvSpPr>
          <p:spPr>
            <a:xfrm>
              <a:off x="3496338" y="4912905"/>
              <a:ext cx="864000" cy="233542"/>
            </a:xfrm>
            <a:prstGeom prst="rect">
              <a:avLst/>
            </a:prstGeom>
            <a:solidFill>
              <a:schemeClr val="bg1">
                <a:lumMod val="6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Apr</a:t>
              </a:r>
              <a:endParaRPr lang="fr-BE" sz="1200" dirty="0"/>
            </a:p>
          </p:txBody>
        </p:sp>
        <p:sp>
          <p:nvSpPr>
            <p:cNvPr id="8" name="Rectangle 7"/>
            <p:cNvSpPr/>
            <p:nvPr/>
          </p:nvSpPr>
          <p:spPr>
            <a:xfrm>
              <a:off x="4411023" y="4912905"/>
              <a:ext cx="864000" cy="233542"/>
            </a:xfrm>
            <a:prstGeom prst="rect">
              <a:avLst/>
            </a:prstGeom>
            <a:solidFill>
              <a:schemeClr val="bg1">
                <a:lumMod val="6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May</a:t>
              </a:r>
              <a:endParaRPr lang="fr-BE" sz="1200" dirty="0"/>
            </a:p>
          </p:txBody>
        </p:sp>
        <p:sp>
          <p:nvSpPr>
            <p:cNvPr id="9" name="Rectangle 8"/>
            <p:cNvSpPr/>
            <p:nvPr/>
          </p:nvSpPr>
          <p:spPr>
            <a:xfrm>
              <a:off x="5325708" y="4912905"/>
              <a:ext cx="864000" cy="233542"/>
            </a:xfrm>
            <a:prstGeom prst="rect">
              <a:avLst/>
            </a:prstGeom>
            <a:solidFill>
              <a:schemeClr val="bg1">
                <a:lumMod val="6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Jun</a:t>
              </a:r>
              <a:endParaRPr lang="fr-BE" sz="1200" dirty="0"/>
            </a:p>
          </p:txBody>
        </p:sp>
        <p:sp>
          <p:nvSpPr>
            <p:cNvPr id="10" name="Rectangle 9"/>
            <p:cNvSpPr/>
            <p:nvPr/>
          </p:nvSpPr>
          <p:spPr>
            <a:xfrm>
              <a:off x="6240393" y="4912905"/>
              <a:ext cx="864000" cy="233542"/>
            </a:xfrm>
            <a:prstGeom prst="rect">
              <a:avLst/>
            </a:prstGeom>
            <a:solidFill>
              <a:srgbClr val="FF5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Jul</a:t>
              </a:r>
              <a:endParaRPr lang="fr-BE" sz="1200" dirty="0"/>
            </a:p>
          </p:txBody>
        </p:sp>
        <p:sp>
          <p:nvSpPr>
            <p:cNvPr id="11" name="Rectangle 10"/>
            <p:cNvSpPr/>
            <p:nvPr/>
          </p:nvSpPr>
          <p:spPr>
            <a:xfrm>
              <a:off x="7155078" y="4912905"/>
              <a:ext cx="864000" cy="233542"/>
            </a:xfrm>
            <a:prstGeom prst="rect">
              <a:avLst/>
            </a:prstGeom>
            <a:solidFill>
              <a:srgbClr val="FF5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Aug</a:t>
              </a:r>
              <a:endParaRPr lang="fr-BE" sz="1200" dirty="0"/>
            </a:p>
          </p:txBody>
        </p:sp>
        <p:sp>
          <p:nvSpPr>
            <p:cNvPr id="12" name="Rectangle 11"/>
            <p:cNvSpPr/>
            <p:nvPr/>
          </p:nvSpPr>
          <p:spPr>
            <a:xfrm>
              <a:off x="8069763" y="4912905"/>
              <a:ext cx="864000" cy="233542"/>
            </a:xfrm>
            <a:prstGeom prst="rect">
              <a:avLst/>
            </a:prstGeom>
            <a:solidFill>
              <a:srgbClr val="FF5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Sep</a:t>
              </a:r>
              <a:endParaRPr lang="fr-BE" sz="1200" dirty="0"/>
            </a:p>
          </p:txBody>
        </p:sp>
        <p:sp>
          <p:nvSpPr>
            <p:cNvPr id="13" name="Rectangle 12"/>
            <p:cNvSpPr/>
            <p:nvPr/>
          </p:nvSpPr>
          <p:spPr>
            <a:xfrm>
              <a:off x="8984448" y="4912905"/>
              <a:ext cx="864000" cy="233542"/>
            </a:xfrm>
            <a:prstGeom prst="rect">
              <a:avLst/>
            </a:prstGeom>
            <a:solidFill>
              <a:srgbClr val="FF5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Oct</a:t>
              </a:r>
              <a:endParaRPr lang="fr-BE" sz="1200" dirty="0"/>
            </a:p>
          </p:txBody>
        </p:sp>
        <p:sp>
          <p:nvSpPr>
            <p:cNvPr id="14" name="Rectangle 13"/>
            <p:cNvSpPr/>
            <p:nvPr/>
          </p:nvSpPr>
          <p:spPr>
            <a:xfrm>
              <a:off x="9899133" y="4912905"/>
              <a:ext cx="864000" cy="233542"/>
            </a:xfrm>
            <a:prstGeom prst="rect">
              <a:avLst/>
            </a:prstGeom>
            <a:solidFill>
              <a:srgbClr val="FF5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Nov</a:t>
              </a:r>
              <a:endParaRPr lang="fr-BE" sz="1200" dirty="0"/>
            </a:p>
          </p:txBody>
        </p:sp>
        <p:sp>
          <p:nvSpPr>
            <p:cNvPr id="15" name="Rectangle 14"/>
            <p:cNvSpPr/>
            <p:nvPr/>
          </p:nvSpPr>
          <p:spPr>
            <a:xfrm>
              <a:off x="10813822" y="4912905"/>
              <a:ext cx="838761" cy="233542"/>
            </a:xfrm>
            <a:prstGeom prst="rect">
              <a:avLst/>
            </a:prstGeom>
            <a:solidFill>
              <a:srgbClr val="FF5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BE" sz="1200" dirty="0" smtClean="0"/>
                <a:t>Dec</a:t>
              </a:r>
              <a:endParaRPr lang="fr-BE" sz="1200" dirty="0"/>
            </a:p>
          </p:txBody>
        </p:sp>
        <p:grpSp>
          <p:nvGrpSpPr>
            <p:cNvPr id="16" name="Group 15"/>
            <p:cNvGrpSpPr/>
            <p:nvPr/>
          </p:nvGrpSpPr>
          <p:grpSpPr>
            <a:xfrm>
              <a:off x="754076" y="4695382"/>
              <a:ext cx="862207" cy="179109"/>
              <a:chOff x="474676" y="4176352"/>
              <a:chExt cx="862207" cy="179109"/>
            </a:xfrm>
            <a:solidFill>
              <a:srgbClr val="002060"/>
            </a:solidFill>
          </p:grpSpPr>
          <p:sp>
            <p:nvSpPr>
              <p:cNvPr id="17" name="Rectangle 16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18" name="Rectangle 17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19" name="Rectangle 18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20" name="Rectangle 19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  <p:grpSp>
          <p:nvGrpSpPr>
            <p:cNvPr id="21" name="Group 20"/>
            <p:cNvGrpSpPr/>
            <p:nvPr/>
          </p:nvGrpSpPr>
          <p:grpSpPr>
            <a:xfrm>
              <a:off x="1667706" y="4695382"/>
              <a:ext cx="862207" cy="179109"/>
              <a:chOff x="474676" y="4176352"/>
              <a:chExt cx="862207" cy="179109"/>
            </a:xfrm>
            <a:solidFill>
              <a:srgbClr val="002060"/>
            </a:solidFill>
          </p:grpSpPr>
          <p:sp>
            <p:nvSpPr>
              <p:cNvPr id="22" name="Rectangle 21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23" name="Rectangle 22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24" name="Rectangle 23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25" name="Rectangle 24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  <p:grpSp>
          <p:nvGrpSpPr>
            <p:cNvPr id="26" name="Group 25"/>
            <p:cNvGrpSpPr/>
            <p:nvPr/>
          </p:nvGrpSpPr>
          <p:grpSpPr>
            <a:xfrm>
              <a:off x="2581336" y="4695382"/>
              <a:ext cx="862207" cy="179109"/>
              <a:chOff x="474676" y="4176352"/>
              <a:chExt cx="862207" cy="179109"/>
            </a:xfrm>
            <a:solidFill>
              <a:srgbClr val="002060"/>
            </a:solidFill>
          </p:grpSpPr>
          <p:sp>
            <p:nvSpPr>
              <p:cNvPr id="27" name="Rectangle 26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28" name="Rectangle 27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29" name="Rectangle 28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30" name="Rectangle 29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  <p:grpSp>
          <p:nvGrpSpPr>
            <p:cNvPr id="31" name="Group 30"/>
            <p:cNvGrpSpPr/>
            <p:nvPr/>
          </p:nvGrpSpPr>
          <p:grpSpPr>
            <a:xfrm>
              <a:off x="3494966" y="4695382"/>
              <a:ext cx="862207" cy="179109"/>
              <a:chOff x="474676" y="4176352"/>
              <a:chExt cx="862207" cy="179109"/>
            </a:xfrm>
            <a:solidFill>
              <a:schemeClr val="bg1">
                <a:lumMod val="65000"/>
              </a:schemeClr>
            </a:solidFill>
          </p:grpSpPr>
          <p:sp>
            <p:nvSpPr>
              <p:cNvPr id="32" name="Rectangle 31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33" name="Rectangle 32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34" name="Rectangle 33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35" name="Rectangle 34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  <p:grpSp>
          <p:nvGrpSpPr>
            <p:cNvPr id="36" name="Group 35"/>
            <p:cNvGrpSpPr/>
            <p:nvPr/>
          </p:nvGrpSpPr>
          <p:grpSpPr>
            <a:xfrm>
              <a:off x="4408596" y="4695382"/>
              <a:ext cx="862207" cy="179109"/>
              <a:chOff x="474676" y="4176352"/>
              <a:chExt cx="862207" cy="179109"/>
            </a:xfrm>
            <a:solidFill>
              <a:schemeClr val="bg1">
                <a:lumMod val="65000"/>
              </a:schemeClr>
            </a:solidFill>
          </p:grpSpPr>
          <p:sp>
            <p:nvSpPr>
              <p:cNvPr id="37" name="Rectangle 36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38" name="Rectangle 37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39" name="Rectangle 38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40" name="Rectangle 39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  <p:grpSp>
          <p:nvGrpSpPr>
            <p:cNvPr id="41" name="Group 40"/>
            <p:cNvGrpSpPr/>
            <p:nvPr/>
          </p:nvGrpSpPr>
          <p:grpSpPr>
            <a:xfrm>
              <a:off x="5322226" y="4695382"/>
              <a:ext cx="862207" cy="179109"/>
              <a:chOff x="474676" y="4176352"/>
              <a:chExt cx="862207" cy="179109"/>
            </a:xfrm>
            <a:solidFill>
              <a:schemeClr val="bg1">
                <a:lumMod val="65000"/>
              </a:schemeClr>
            </a:solidFill>
          </p:grpSpPr>
          <p:sp>
            <p:nvSpPr>
              <p:cNvPr id="42" name="Rectangle 41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43" name="Rectangle 42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44" name="Rectangle 43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45" name="Rectangle 44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  <p:grpSp>
          <p:nvGrpSpPr>
            <p:cNvPr id="46" name="Group 45"/>
            <p:cNvGrpSpPr/>
            <p:nvPr/>
          </p:nvGrpSpPr>
          <p:grpSpPr>
            <a:xfrm>
              <a:off x="6235856" y="4695382"/>
              <a:ext cx="862207" cy="179109"/>
              <a:chOff x="474676" y="4176352"/>
              <a:chExt cx="862207" cy="179109"/>
            </a:xfrm>
            <a:solidFill>
              <a:srgbClr val="FF5050"/>
            </a:solidFill>
          </p:grpSpPr>
          <p:sp>
            <p:nvSpPr>
              <p:cNvPr id="47" name="Rectangle 46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48" name="Rectangle 47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49" name="Rectangle 48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50" name="Rectangle 49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  <p:grpSp>
          <p:nvGrpSpPr>
            <p:cNvPr id="51" name="Group 50"/>
            <p:cNvGrpSpPr/>
            <p:nvPr/>
          </p:nvGrpSpPr>
          <p:grpSpPr>
            <a:xfrm>
              <a:off x="7149486" y="4695382"/>
              <a:ext cx="862207" cy="179109"/>
              <a:chOff x="474676" y="4176352"/>
              <a:chExt cx="862207" cy="179109"/>
            </a:xfrm>
            <a:solidFill>
              <a:srgbClr val="FF5050"/>
            </a:solidFill>
          </p:grpSpPr>
          <p:sp>
            <p:nvSpPr>
              <p:cNvPr id="52" name="Rectangle 51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53" name="Rectangle 52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54" name="Rectangle 53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55" name="Rectangle 54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  <p:grpSp>
          <p:nvGrpSpPr>
            <p:cNvPr id="56" name="Group 55"/>
            <p:cNvGrpSpPr/>
            <p:nvPr/>
          </p:nvGrpSpPr>
          <p:grpSpPr>
            <a:xfrm>
              <a:off x="8063116" y="4695382"/>
              <a:ext cx="862207" cy="179109"/>
              <a:chOff x="474676" y="4176352"/>
              <a:chExt cx="862207" cy="179109"/>
            </a:xfrm>
            <a:solidFill>
              <a:srgbClr val="FF5050"/>
            </a:solidFill>
          </p:grpSpPr>
          <p:sp>
            <p:nvSpPr>
              <p:cNvPr id="57" name="Rectangle 56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58" name="Rectangle 57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59" name="Rectangle 58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60" name="Rectangle 59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  <p:grpSp>
          <p:nvGrpSpPr>
            <p:cNvPr id="61" name="Group 60"/>
            <p:cNvGrpSpPr/>
            <p:nvPr/>
          </p:nvGrpSpPr>
          <p:grpSpPr>
            <a:xfrm>
              <a:off x="8976746" y="4695382"/>
              <a:ext cx="862207" cy="179109"/>
              <a:chOff x="474676" y="4176352"/>
              <a:chExt cx="862207" cy="179109"/>
            </a:xfrm>
            <a:solidFill>
              <a:srgbClr val="FF5050"/>
            </a:solidFill>
          </p:grpSpPr>
          <p:sp>
            <p:nvSpPr>
              <p:cNvPr id="62" name="Rectangle 61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63" name="Rectangle 62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64" name="Rectangle 63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65" name="Rectangle 64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  <p:grpSp>
          <p:nvGrpSpPr>
            <p:cNvPr id="66" name="Group 65"/>
            <p:cNvGrpSpPr/>
            <p:nvPr/>
          </p:nvGrpSpPr>
          <p:grpSpPr>
            <a:xfrm>
              <a:off x="9890376" y="4695382"/>
              <a:ext cx="862207" cy="179109"/>
              <a:chOff x="474676" y="4176352"/>
              <a:chExt cx="862207" cy="179109"/>
            </a:xfrm>
            <a:solidFill>
              <a:srgbClr val="FF5050"/>
            </a:solidFill>
          </p:grpSpPr>
          <p:sp>
            <p:nvSpPr>
              <p:cNvPr id="67" name="Rectangle 66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68" name="Rectangle 67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69" name="Rectangle 68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70" name="Rectangle 69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  <p:grpSp>
          <p:nvGrpSpPr>
            <p:cNvPr id="71" name="Group 70"/>
            <p:cNvGrpSpPr/>
            <p:nvPr/>
          </p:nvGrpSpPr>
          <p:grpSpPr>
            <a:xfrm>
              <a:off x="10804008" y="4695382"/>
              <a:ext cx="862207" cy="179109"/>
              <a:chOff x="474676" y="4176352"/>
              <a:chExt cx="862207" cy="179109"/>
            </a:xfrm>
            <a:solidFill>
              <a:srgbClr val="FF5050"/>
            </a:solidFill>
          </p:grpSpPr>
          <p:sp>
            <p:nvSpPr>
              <p:cNvPr id="72" name="Rectangle 71"/>
              <p:cNvSpPr/>
              <p:nvPr/>
            </p:nvSpPr>
            <p:spPr>
              <a:xfrm>
                <a:off x="4746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300" dirty="0"/>
              </a:p>
            </p:txBody>
          </p:sp>
          <p:sp>
            <p:nvSpPr>
              <p:cNvPr id="73" name="Rectangle 72"/>
              <p:cNvSpPr/>
              <p:nvPr/>
            </p:nvSpPr>
            <p:spPr>
              <a:xfrm>
                <a:off x="703276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74" name="Rectangle 73"/>
              <p:cNvSpPr/>
              <p:nvPr/>
            </p:nvSpPr>
            <p:spPr>
              <a:xfrm>
                <a:off x="9282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  <p:sp>
            <p:nvSpPr>
              <p:cNvPr id="75" name="Rectangle 74"/>
              <p:cNvSpPr/>
              <p:nvPr/>
            </p:nvSpPr>
            <p:spPr>
              <a:xfrm>
                <a:off x="1156883" y="4176352"/>
                <a:ext cx="180000" cy="179109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BE" sz="1200" dirty="0"/>
              </a:p>
            </p:txBody>
          </p:sp>
        </p:grpSp>
      </p:grpSp>
      <p:sp>
        <p:nvSpPr>
          <p:cNvPr id="76" name="Rectangle 75"/>
          <p:cNvSpPr/>
          <p:nvPr/>
        </p:nvSpPr>
        <p:spPr>
          <a:xfrm>
            <a:off x="3730861" y="2896078"/>
            <a:ext cx="85849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200" dirty="0" smtClean="0">
                <a:solidFill>
                  <a:schemeClr val="bg1">
                    <a:lumMod val="50000"/>
                  </a:schemeClr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Apr</a:t>
            </a:r>
            <a:r>
              <a:rPr lang="fr-FR" sz="1200" dirty="0">
                <a:solidFill>
                  <a:schemeClr val="bg1">
                    <a:lumMod val="50000"/>
                  </a:schemeClr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 </a:t>
            </a:r>
            <a:r>
              <a:rPr lang="fr-FR" sz="1200" dirty="0" smtClean="0">
                <a:solidFill>
                  <a:schemeClr val="bg1">
                    <a:lumMod val="50000"/>
                  </a:schemeClr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30</a:t>
            </a:r>
          </a:p>
          <a:p>
            <a:pPr algn="ctr"/>
            <a:r>
              <a:rPr lang="fr-FR" sz="1200" dirty="0" smtClean="0">
                <a:solidFill>
                  <a:schemeClr val="bg1">
                    <a:lumMod val="50000"/>
                  </a:schemeClr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Round 3</a:t>
            </a:r>
            <a:endParaRPr lang="en-US" sz="1200" dirty="0">
              <a:solidFill>
                <a:schemeClr val="bg1">
                  <a:lumMod val="50000"/>
                </a:schemeClr>
              </a:solidFill>
            </a:endParaRPr>
          </a:p>
        </p:txBody>
      </p:sp>
      <p:cxnSp>
        <p:nvCxnSpPr>
          <p:cNvPr id="77" name="OTLSHAPE_M_f254dd595e0f4241b79c6e513bfef9c5_Connector2"/>
          <p:cNvCxnSpPr/>
          <p:nvPr>
            <p:custDataLst>
              <p:tags r:id="rId1"/>
            </p:custDataLst>
          </p:nvPr>
        </p:nvCxnSpPr>
        <p:spPr>
          <a:xfrm>
            <a:off x="1402671" y="2650587"/>
            <a:ext cx="0" cy="1440000"/>
          </a:xfrm>
          <a:prstGeom prst="line">
            <a:avLst/>
          </a:prstGeom>
          <a:ln w="7620" cap="flat" cmpd="sng" algn="ctr">
            <a:solidFill>
              <a:schemeClr val="bg1">
                <a:lumMod val="50000"/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M_f254dd595e0f4241b79c6e513bfef9c5_Title"/>
          <p:cNvSpPr txBox="1"/>
          <p:nvPr>
            <p:custDataLst>
              <p:tags r:id="rId2"/>
            </p:custDataLst>
          </p:nvPr>
        </p:nvSpPr>
        <p:spPr>
          <a:xfrm>
            <a:off x="648727" y="1969470"/>
            <a:ext cx="1505737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rgbClr val="002060"/>
                </a:solidFill>
              </a:rPr>
              <a:t>Jan 30</a:t>
            </a:r>
          </a:p>
          <a:p>
            <a:pPr algn="ctr"/>
            <a:r>
              <a:rPr lang="en-US" sz="1200" dirty="0" smtClean="0">
                <a:solidFill>
                  <a:srgbClr val="002060"/>
                </a:solidFill>
              </a:rPr>
              <a:t>Project bidding kick started</a:t>
            </a:r>
            <a:endParaRPr lang="en-US" sz="1200" dirty="0">
              <a:solidFill>
                <a:srgbClr val="002060"/>
              </a:solidFill>
            </a:endParaRPr>
          </a:p>
        </p:txBody>
      </p:sp>
      <p:sp>
        <p:nvSpPr>
          <p:cNvPr id="79" name="OTLSHAPE_M_f254dd595e0f4241b79c6e513bfef9c5_Title"/>
          <p:cNvSpPr txBox="1"/>
          <p:nvPr>
            <p:custDataLst>
              <p:tags r:id="rId3"/>
            </p:custDataLst>
          </p:nvPr>
        </p:nvSpPr>
        <p:spPr>
          <a:xfrm>
            <a:off x="2189756" y="2894794"/>
            <a:ext cx="1505737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 smtClean="0">
                <a:solidFill>
                  <a:srgbClr val="002060"/>
                </a:solidFill>
              </a:rPr>
              <a:t>Mar 15</a:t>
            </a:r>
          </a:p>
          <a:p>
            <a:pPr algn="ctr"/>
            <a:r>
              <a:rPr lang="en-US" sz="1200" dirty="0" smtClean="0">
                <a:solidFill>
                  <a:srgbClr val="002060"/>
                </a:solidFill>
              </a:rPr>
              <a:t>Tender results review and second round</a:t>
            </a:r>
          </a:p>
        </p:txBody>
      </p:sp>
      <p:cxnSp>
        <p:nvCxnSpPr>
          <p:cNvPr id="80" name="OTLSHAPE_M_f254dd595e0f4241b79c6e513bfef9c5_Connector2"/>
          <p:cNvCxnSpPr/>
          <p:nvPr>
            <p:custDataLst>
              <p:tags r:id="rId4"/>
            </p:custDataLst>
          </p:nvPr>
        </p:nvCxnSpPr>
        <p:spPr>
          <a:xfrm>
            <a:off x="2911342" y="3433870"/>
            <a:ext cx="0" cy="656717"/>
          </a:xfrm>
          <a:prstGeom prst="line">
            <a:avLst/>
          </a:prstGeom>
          <a:ln w="7620" cap="flat" cmpd="sng" algn="ctr">
            <a:solidFill>
              <a:schemeClr val="bg1">
                <a:lumMod val="50000"/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M_f254dd595e0f4241b79c6e513bfef9c5_Connector2"/>
          <p:cNvCxnSpPr/>
          <p:nvPr>
            <p:custDataLst>
              <p:tags r:id="rId5"/>
            </p:custDataLst>
          </p:nvPr>
        </p:nvCxnSpPr>
        <p:spPr>
          <a:xfrm>
            <a:off x="4174878" y="3433870"/>
            <a:ext cx="0" cy="656717"/>
          </a:xfrm>
          <a:prstGeom prst="line">
            <a:avLst/>
          </a:prstGeom>
          <a:ln w="7620" cap="flat" cmpd="sng" algn="ctr">
            <a:solidFill>
              <a:schemeClr val="bg1">
                <a:lumMod val="50000"/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Rectangle 84"/>
          <p:cNvSpPr/>
          <p:nvPr/>
        </p:nvSpPr>
        <p:spPr>
          <a:xfrm>
            <a:off x="4414669" y="2248755"/>
            <a:ext cx="141280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200" dirty="0" smtClean="0">
                <a:solidFill>
                  <a:schemeClr val="bg1">
                    <a:lumMod val="50000"/>
                  </a:schemeClr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Jun 1</a:t>
            </a:r>
          </a:p>
          <a:p>
            <a:pPr algn="ctr"/>
            <a:r>
              <a:rPr lang="fr-FR" sz="1200" dirty="0">
                <a:solidFill>
                  <a:schemeClr val="bg1">
                    <a:lumMod val="50000"/>
                  </a:schemeClr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S</a:t>
            </a:r>
            <a:r>
              <a:rPr lang="fr-FR" sz="1200" dirty="0" smtClean="0">
                <a:solidFill>
                  <a:schemeClr val="bg1">
                    <a:lumMod val="50000"/>
                  </a:schemeClr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upplier selected</a:t>
            </a:r>
            <a:endParaRPr lang="en-US" sz="1200" dirty="0">
              <a:solidFill>
                <a:schemeClr val="bg1">
                  <a:lumMod val="50000"/>
                </a:schemeClr>
              </a:solidFill>
            </a:endParaRPr>
          </a:p>
        </p:txBody>
      </p:sp>
      <p:cxnSp>
        <p:nvCxnSpPr>
          <p:cNvPr id="86" name="OTLSHAPE_M_f254dd595e0f4241b79c6e513bfef9c5_Connector2"/>
          <p:cNvCxnSpPr/>
          <p:nvPr>
            <p:custDataLst>
              <p:tags r:id="rId6"/>
            </p:custDataLst>
          </p:nvPr>
        </p:nvCxnSpPr>
        <p:spPr>
          <a:xfrm>
            <a:off x="5146471" y="2671869"/>
            <a:ext cx="0" cy="1440000"/>
          </a:xfrm>
          <a:prstGeom prst="line">
            <a:avLst/>
          </a:prstGeom>
          <a:ln w="7620" cap="flat" cmpd="sng" algn="ctr">
            <a:solidFill>
              <a:schemeClr val="bg1">
                <a:lumMod val="50000"/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Rectangle 88"/>
          <p:cNvSpPr/>
          <p:nvPr/>
        </p:nvSpPr>
        <p:spPr>
          <a:xfrm>
            <a:off x="9591705" y="2710128"/>
            <a:ext cx="141280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200" dirty="0" smtClean="0">
                <a:solidFill>
                  <a:srgbClr val="FF5050"/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Nov 30</a:t>
            </a:r>
          </a:p>
          <a:p>
            <a:pPr algn="ctr"/>
            <a:r>
              <a:rPr lang="fr-FR" sz="1200" dirty="0" smtClean="0">
                <a:solidFill>
                  <a:srgbClr val="FF5050"/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Handover</a:t>
            </a:r>
            <a:endParaRPr lang="en-US" sz="1200" dirty="0">
              <a:solidFill>
                <a:srgbClr val="FF5050"/>
              </a:solidFill>
            </a:endParaRPr>
          </a:p>
        </p:txBody>
      </p:sp>
      <p:cxnSp>
        <p:nvCxnSpPr>
          <p:cNvPr id="90" name="OTLSHAPE_M_f254dd595e0f4241b79c6e513bfef9c5_Connector2"/>
          <p:cNvCxnSpPr/>
          <p:nvPr>
            <p:custDataLst>
              <p:tags r:id="rId7"/>
            </p:custDataLst>
          </p:nvPr>
        </p:nvCxnSpPr>
        <p:spPr>
          <a:xfrm>
            <a:off x="10298107" y="3433870"/>
            <a:ext cx="0" cy="656717"/>
          </a:xfrm>
          <a:prstGeom prst="line">
            <a:avLst/>
          </a:prstGeom>
          <a:ln w="7620" cap="flat" cmpd="sng" algn="ctr">
            <a:solidFill>
              <a:schemeClr val="bg1">
                <a:lumMod val="50000"/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Rectangle 91"/>
          <p:cNvSpPr/>
          <p:nvPr/>
        </p:nvSpPr>
        <p:spPr>
          <a:xfrm>
            <a:off x="9248290" y="1923396"/>
            <a:ext cx="141280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200" dirty="0" smtClean="0">
                <a:solidFill>
                  <a:srgbClr val="FF5050"/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Nov 15</a:t>
            </a:r>
          </a:p>
          <a:p>
            <a:pPr algn="ctr"/>
            <a:r>
              <a:rPr lang="fr-FR" sz="1200" dirty="0" smtClean="0">
                <a:solidFill>
                  <a:srgbClr val="FF5050"/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Construction finished</a:t>
            </a:r>
            <a:endParaRPr lang="en-US" sz="1200" dirty="0">
              <a:solidFill>
                <a:srgbClr val="FF5050"/>
              </a:solidFill>
            </a:endParaRPr>
          </a:p>
        </p:txBody>
      </p:sp>
      <p:cxnSp>
        <p:nvCxnSpPr>
          <p:cNvPr id="93" name="OTLSHAPE_M_f254dd595e0f4241b79c6e513bfef9c5_Connector2"/>
          <p:cNvCxnSpPr/>
          <p:nvPr>
            <p:custDataLst>
              <p:tags r:id="rId8"/>
            </p:custDataLst>
          </p:nvPr>
        </p:nvCxnSpPr>
        <p:spPr>
          <a:xfrm>
            <a:off x="9834997" y="2650587"/>
            <a:ext cx="0" cy="1440000"/>
          </a:xfrm>
          <a:prstGeom prst="line">
            <a:avLst/>
          </a:prstGeom>
          <a:ln w="7620" cap="flat" cmpd="sng" algn="ctr">
            <a:solidFill>
              <a:schemeClr val="bg1">
                <a:lumMod val="50000"/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Rectangle 98"/>
          <p:cNvSpPr/>
          <p:nvPr/>
        </p:nvSpPr>
        <p:spPr>
          <a:xfrm>
            <a:off x="6655281" y="1403032"/>
            <a:ext cx="163193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200" dirty="0" smtClean="0">
                <a:solidFill>
                  <a:srgbClr val="FF5050"/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Aug 15</a:t>
            </a:r>
          </a:p>
          <a:p>
            <a:pPr algn="ctr"/>
            <a:r>
              <a:rPr lang="fr-FR" sz="1200" dirty="0" smtClean="0">
                <a:solidFill>
                  <a:srgbClr val="FF5050"/>
                </a:solidFill>
                <a:ea typeface="SimSun" panose="02010600030101010101" pitchFamily="2" charset="-122"/>
                <a:cs typeface="Times New Roman" panose="02020603050405020304" pitchFamily="18" charset="0"/>
              </a:rPr>
              <a:t>Construction starts</a:t>
            </a:r>
            <a:endParaRPr lang="en-US" sz="1200" dirty="0">
              <a:solidFill>
                <a:srgbClr val="FF5050"/>
              </a:solidFill>
            </a:endParaRPr>
          </a:p>
        </p:txBody>
      </p:sp>
      <p:cxnSp>
        <p:nvCxnSpPr>
          <p:cNvPr id="101" name="OTLSHAPE_M_f254dd595e0f4241b79c6e513bfef9c5_Connector2"/>
          <p:cNvCxnSpPr/>
          <p:nvPr>
            <p:custDataLst>
              <p:tags r:id="rId9"/>
            </p:custDataLst>
          </p:nvPr>
        </p:nvCxnSpPr>
        <p:spPr>
          <a:xfrm>
            <a:off x="7471250" y="1930587"/>
            <a:ext cx="0" cy="2160000"/>
          </a:xfrm>
          <a:prstGeom prst="line">
            <a:avLst/>
          </a:prstGeom>
          <a:ln w="7620" cap="flat" cmpd="sng" algn="ctr">
            <a:solidFill>
              <a:schemeClr val="bg1">
                <a:lumMod val="50000"/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7" name="OTLSHAPE_M_6fcd8c49a18c4c5daf2b65fe5a4fd0c5_Shape"/>
          <p:cNvSpPr/>
          <p:nvPr>
            <p:custDataLst>
              <p:tags r:id="rId10"/>
            </p:custDataLst>
          </p:nvPr>
        </p:nvSpPr>
        <p:spPr>
          <a:xfrm>
            <a:off x="1302885" y="4184929"/>
            <a:ext cx="228600" cy="254000"/>
          </a:xfrm>
          <a:prstGeom prst="diamond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M_6fcd8c49a18c4c5daf2b65fe5a4fd0c5_Shape"/>
          <p:cNvSpPr/>
          <p:nvPr>
            <p:custDataLst>
              <p:tags r:id="rId11"/>
            </p:custDataLst>
          </p:nvPr>
        </p:nvSpPr>
        <p:spPr>
          <a:xfrm>
            <a:off x="2811556" y="4184929"/>
            <a:ext cx="228600" cy="254000"/>
          </a:xfrm>
          <a:prstGeom prst="diamond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M_f254dd595e0f4241b79c6e513bfef9c5_Shape"/>
          <p:cNvSpPr/>
          <p:nvPr>
            <p:custDataLst>
              <p:tags r:id="rId12"/>
            </p:custDataLst>
          </p:nvPr>
        </p:nvSpPr>
        <p:spPr>
          <a:xfrm>
            <a:off x="5038519" y="4184929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M_6fcd8c49a18c4c5daf2b65fe5a4fd0c5_Shape"/>
          <p:cNvSpPr/>
          <p:nvPr>
            <p:custDataLst>
              <p:tags r:id="rId13"/>
            </p:custDataLst>
          </p:nvPr>
        </p:nvSpPr>
        <p:spPr>
          <a:xfrm>
            <a:off x="10204504" y="4184929"/>
            <a:ext cx="228600" cy="254000"/>
          </a:xfrm>
          <a:prstGeom prst="diamond">
            <a:avLst/>
          </a:prstGeom>
          <a:solidFill>
            <a:srgbClr val="FF5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M_6fcd8c49a18c4c5daf2b65fe5a4fd0c5_Shape"/>
          <p:cNvSpPr/>
          <p:nvPr>
            <p:custDataLst>
              <p:tags r:id="rId14"/>
            </p:custDataLst>
          </p:nvPr>
        </p:nvSpPr>
        <p:spPr>
          <a:xfrm>
            <a:off x="9726092" y="4184929"/>
            <a:ext cx="228600" cy="254000"/>
          </a:xfrm>
          <a:prstGeom prst="diamond">
            <a:avLst/>
          </a:prstGeom>
          <a:solidFill>
            <a:srgbClr val="FF5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M_6fcd8c49a18c4c5daf2b65fe5a4fd0c5_Shape"/>
          <p:cNvSpPr/>
          <p:nvPr>
            <p:custDataLst>
              <p:tags r:id="rId15"/>
            </p:custDataLst>
          </p:nvPr>
        </p:nvSpPr>
        <p:spPr>
          <a:xfrm>
            <a:off x="7356950" y="4184929"/>
            <a:ext cx="228600" cy="254000"/>
          </a:xfrm>
          <a:prstGeom prst="diamond">
            <a:avLst/>
          </a:prstGeom>
          <a:solidFill>
            <a:srgbClr val="FF5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M_6fcd8c49a18c4c5daf2b65fe5a4fd0c5_Shape"/>
          <p:cNvSpPr/>
          <p:nvPr>
            <p:custDataLst>
              <p:tags r:id="rId16"/>
            </p:custDataLst>
          </p:nvPr>
        </p:nvSpPr>
        <p:spPr>
          <a:xfrm>
            <a:off x="4060578" y="4184929"/>
            <a:ext cx="228600" cy="254000"/>
          </a:xfrm>
          <a:prstGeom prst="diamond">
            <a:avLst/>
          </a:prstGeom>
          <a:solidFill>
            <a:schemeClr val="bg1">
              <a:lumMod val="6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Rounded Rectangle 114"/>
          <p:cNvSpPr/>
          <p:nvPr/>
        </p:nvSpPr>
        <p:spPr>
          <a:xfrm>
            <a:off x="619689" y="5106360"/>
            <a:ext cx="2690504" cy="252000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600" dirty="0" smtClean="0"/>
              <a:t>Tendering</a:t>
            </a:r>
            <a:endParaRPr lang="fr-BE" sz="1600" dirty="0"/>
          </a:p>
        </p:txBody>
      </p:sp>
      <p:sp>
        <p:nvSpPr>
          <p:cNvPr id="116" name="Rounded Rectangle 115"/>
          <p:cNvSpPr/>
          <p:nvPr/>
        </p:nvSpPr>
        <p:spPr>
          <a:xfrm>
            <a:off x="3338594" y="5460122"/>
            <a:ext cx="2690504" cy="252000"/>
          </a:xfrm>
          <a:prstGeom prst="round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600" dirty="0" smtClean="0"/>
              <a:t>Design development</a:t>
            </a:r>
            <a:endParaRPr lang="fr-BE" sz="1600" dirty="0"/>
          </a:p>
        </p:txBody>
      </p:sp>
      <p:sp>
        <p:nvSpPr>
          <p:cNvPr id="118" name="Rounded Rectangle 117"/>
          <p:cNvSpPr/>
          <p:nvPr/>
        </p:nvSpPr>
        <p:spPr>
          <a:xfrm>
            <a:off x="6086615" y="5853994"/>
            <a:ext cx="5432618" cy="252000"/>
          </a:xfrm>
          <a:prstGeom prst="roundRect">
            <a:avLst/>
          </a:prstGeom>
          <a:solidFill>
            <a:srgbClr val="FF5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BE" sz="1600" dirty="0" smtClean="0"/>
              <a:t>Construction</a:t>
            </a:r>
            <a:endParaRPr lang="fr-BE" sz="1600" dirty="0"/>
          </a:p>
        </p:txBody>
      </p:sp>
    </p:spTree>
    <p:extLst>
      <p:ext uri="{BB962C8B-B14F-4D97-AF65-F5344CB8AC3E}">
        <p14:creationId xmlns:p14="http://schemas.microsoft.com/office/powerpoint/2010/main" val="28455794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8969</TotalTime>
  <Words>930</Words>
  <Application>Microsoft Office PowerPoint</Application>
  <PresentationFormat>Widescreen</PresentationFormat>
  <Paragraphs>440</Paragraphs>
  <Slides>2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8</vt:i4>
      </vt:variant>
    </vt:vector>
  </HeadingPairs>
  <TitlesOfParts>
    <vt:vector size="36" baseType="lpstr">
      <vt:lpstr>SimSun</vt:lpstr>
      <vt:lpstr>Arial</vt:lpstr>
      <vt:lpstr>Calibri</vt:lpstr>
      <vt:lpstr>Calibri Light</vt:lpstr>
      <vt:lpstr>Helvetica</vt:lpstr>
      <vt:lpstr>Times New Roman</vt:lpstr>
      <vt:lpstr>Verdana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EPERS, Anne-Clémence</dc:creator>
  <cp:lastModifiedBy>LEPERS, Clemence</cp:lastModifiedBy>
  <cp:revision>77</cp:revision>
  <dcterms:created xsi:type="dcterms:W3CDTF">2017-09-07T03:53:02Z</dcterms:created>
  <dcterms:modified xsi:type="dcterms:W3CDTF">2018-07-11T07:59:22Z</dcterms:modified>
</cp:coreProperties>
</file>